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5章 運輸・通信\02公表用（改定有）\"/>
    </mc:Choice>
  </mc:AlternateContent>
  <xr:revisionPtr revIDLastSave="0" documentId="13_ncr:1_{90DAF355-1050-48A0-B6E2-8C663B77B818}" xr6:coauthVersionLast="44" xr6:coauthVersionMax="44" xr10:uidLastSave="{00000000-0000-0000-0000-000000000000}"/>
  <bookViews>
    <workbookView xWindow="-108" yWindow="-108" windowWidth="23256" windowHeight="12576" tabRatio="735" xr2:uid="{00000000-000D-0000-FFFF-FFFF00000000}"/>
  </bookViews>
  <sheets>
    <sheet name=" １-１　移輸出入貨物取扱状況" sheetId="15" r:id="rId1"/>
  </sheets>
  <definedNames>
    <definedName name="_xlnm.Print_Area" localSheetId="0">' １-１　移輸出入貨物取扱状況'!$A$1:$M$153</definedName>
    <definedName name="_xlnm.Print_Titles" localSheetId="0">' １-１　移輸出入貨物取扱状況'!$1: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D36" i="15" l="1"/>
</calcChain>
</file>

<file path=xl/sharedStrings.xml><?xml version="1.0" encoding="utf-8"?>
<sst xmlns="http://schemas.openxmlformats.org/spreadsheetml/2006/main" count="571" uniqueCount="64">
  <si>
    <t>西暦</t>
    <rPh sb="0" eb="2">
      <t>セイレキ</t>
    </rPh>
    <phoneticPr fontId="2"/>
  </si>
  <si>
    <t>和歴</t>
    <rPh sb="0" eb="1">
      <t>ワ</t>
    </rPh>
    <rPh sb="1" eb="2">
      <t>レキ</t>
    </rPh>
    <phoneticPr fontId="2"/>
  </si>
  <si>
    <t>昭和58年</t>
    <rPh sb="0" eb="2">
      <t>ｓ</t>
    </rPh>
    <rPh sb="4" eb="5">
      <t>ネン</t>
    </rPh>
    <phoneticPr fontId="4"/>
  </si>
  <si>
    <t>昭和63年</t>
    <rPh sb="0" eb="2">
      <t>ｓ</t>
    </rPh>
    <rPh sb="4" eb="5">
      <t>ネン</t>
    </rPh>
    <phoneticPr fontId="4"/>
  </si>
  <si>
    <t>平成5年</t>
    <rPh sb="0" eb="2">
      <t>ｈ</t>
    </rPh>
    <rPh sb="3" eb="4">
      <t>ネン</t>
    </rPh>
    <phoneticPr fontId="4"/>
  </si>
  <si>
    <t>平成3年</t>
    <rPh sb="0" eb="2">
      <t>ｈ</t>
    </rPh>
    <rPh sb="3" eb="4">
      <t>ネン</t>
    </rPh>
    <phoneticPr fontId="4"/>
  </si>
  <si>
    <t>平成2年</t>
    <rPh sb="0" eb="2">
      <t>ｈ</t>
    </rPh>
    <rPh sb="3" eb="4">
      <t>ネン</t>
    </rPh>
    <phoneticPr fontId="4"/>
  </si>
  <si>
    <t>平成4年</t>
    <rPh sb="0" eb="2">
      <t>ｈ</t>
    </rPh>
    <rPh sb="3" eb="4">
      <t>ネン</t>
    </rPh>
    <phoneticPr fontId="4"/>
  </si>
  <si>
    <t>平成6年</t>
    <rPh sb="0" eb="2">
      <t>ｈ</t>
    </rPh>
    <rPh sb="3" eb="4">
      <t>ネン</t>
    </rPh>
    <phoneticPr fontId="4"/>
  </si>
  <si>
    <t>平成7年</t>
    <rPh sb="0" eb="2">
      <t>ｈ</t>
    </rPh>
    <rPh sb="3" eb="4">
      <t>ネン</t>
    </rPh>
    <phoneticPr fontId="4"/>
  </si>
  <si>
    <t>平成8年</t>
    <rPh sb="0" eb="2">
      <t>ｈ</t>
    </rPh>
    <rPh sb="3" eb="4">
      <t>ネン</t>
    </rPh>
    <phoneticPr fontId="4"/>
  </si>
  <si>
    <t>平成9年</t>
    <rPh sb="0" eb="2">
      <t>ｈ</t>
    </rPh>
    <rPh sb="3" eb="4">
      <t>ネン</t>
    </rPh>
    <phoneticPr fontId="4"/>
  </si>
  <si>
    <t>平成10年</t>
    <rPh sb="0" eb="2">
      <t>ｈ</t>
    </rPh>
    <rPh sb="4" eb="5">
      <t>ネン</t>
    </rPh>
    <phoneticPr fontId="4"/>
  </si>
  <si>
    <t>平成11年</t>
    <rPh sb="0" eb="2">
      <t>ｈ</t>
    </rPh>
    <rPh sb="4" eb="5">
      <t>ネン</t>
    </rPh>
    <phoneticPr fontId="4"/>
  </si>
  <si>
    <t>平成12年</t>
    <rPh sb="0" eb="2">
      <t>ｈ</t>
    </rPh>
    <rPh sb="4" eb="5">
      <t>ネン</t>
    </rPh>
    <phoneticPr fontId="4"/>
  </si>
  <si>
    <t>平成13年</t>
    <rPh sb="0" eb="2">
      <t>ｈ</t>
    </rPh>
    <rPh sb="4" eb="5">
      <t>ネン</t>
    </rPh>
    <phoneticPr fontId="4"/>
  </si>
  <si>
    <t>平成14年</t>
    <rPh sb="0" eb="2">
      <t>ｈ</t>
    </rPh>
    <rPh sb="4" eb="5">
      <t>ネン</t>
    </rPh>
    <phoneticPr fontId="4"/>
  </si>
  <si>
    <t>平成15年</t>
    <rPh sb="0" eb="2">
      <t>ｈ</t>
    </rPh>
    <rPh sb="4" eb="5">
      <t>ネン</t>
    </rPh>
    <phoneticPr fontId="4"/>
  </si>
  <si>
    <t>平成16年</t>
    <rPh sb="0" eb="2">
      <t>ｈ</t>
    </rPh>
    <rPh sb="4" eb="5">
      <t>ネン</t>
    </rPh>
    <phoneticPr fontId="4"/>
  </si>
  <si>
    <t>平成17年</t>
    <rPh sb="0" eb="2">
      <t>ｈ</t>
    </rPh>
    <rPh sb="4" eb="5">
      <t>ネン</t>
    </rPh>
    <phoneticPr fontId="4"/>
  </si>
  <si>
    <t>平成18年</t>
    <rPh sb="0" eb="2">
      <t>ｈ</t>
    </rPh>
    <rPh sb="4" eb="5">
      <t>ネン</t>
    </rPh>
    <phoneticPr fontId="4"/>
  </si>
  <si>
    <t>平成19年</t>
    <rPh sb="0" eb="2">
      <t>ｈ</t>
    </rPh>
    <rPh sb="4" eb="5">
      <t>ネン</t>
    </rPh>
    <phoneticPr fontId="4"/>
  </si>
  <si>
    <t>平成20年</t>
    <rPh sb="0" eb="2">
      <t>ｈ</t>
    </rPh>
    <rPh sb="4" eb="5">
      <t>ネン</t>
    </rPh>
    <phoneticPr fontId="4"/>
  </si>
  <si>
    <t>平成21年</t>
    <rPh sb="0" eb="2">
      <t>ｈ</t>
    </rPh>
    <rPh sb="4" eb="5">
      <t>ネン</t>
    </rPh>
    <phoneticPr fontId="4"/>
  </si>
  <si>
    <t>平成22年</t>
    <rPh sb="0" eb="2">
      <t>ｈ</t>
    </rPh>
    <rPh sb="4" eb="5">
      <t>ネン</t>
    </rPh>
    <phoneticPr fontId="4"/>
  </si>
  <si>
    <t>平成23年</t>
    <rPh sb="0" eb="2">
      <t>ｈ</t>
    </rPh>
    <rPh sb="4" eb="5">
      <t>ネン</t>
    </rPh>
    <phoneticPr fontId="4"/>
  </si>
  <si>
    <t>平成24年</t>
    <rPh sb="0" eb="2">
      <t>ｈ</t>
    </rPh>
    <rPh sb="4" eb="5">
      <t>ネン</t>
    </rPh>
    <phoneticPr fontId="4"/>
  </si>
  <si>
    <t>平成25年</t>
    <rPh sb="0" eb="2">
      <t>ｈ</t>
    </rPh>
    <rPh sb="4" eb="5">
      <t>ネン</t>
    </rPh>
    <phoneticPr fontId="4"/>
  </si>
  <si>
    <t>平成26年</t>
    <rPh sb="0" eb="2">
      <t>ｈ</t>
    </rPh>
    <rPh sb="4" eb="5">
      <t>ネン</t>
    </rPh>
    <phoneticPr fontId="4"/>
  </si>
  <si>
    <t>昭和59年</t>
    <rPh sb="0" eb="2">
      <t>ｓ</t>
    </rPh>
    <rPh sb="4" eb="5">
      <t>ネン</t>
    </rPh>
    <phoneticPr fontId="4"/>
  </si>
  <si>
    <t>昭和60年</t>
    <rPh sb="0" eb="2">
      <t>ｓ</t>
    </rPh>
    <rPh sb="4" eb="5">
      <t>ネン</t>
    </rPh>
    <phoneticPr fontId="4"/>
  </si>
  <si>
    <t>昭和61年</t>
    <rPh sb="0" eb="2">
      <t>ｓ</t>
    </rPh>
    <rPh sb="4" eb="5">
      <t>ネン</t>
    </rPh>
    <phoneticPr fontId="4"/>
  </si>
  <si>
    <t>昭和62年</t>
    <rPh sb="0" eb="2">
      <t>ｓ</t>
    </rPh>
    <rPh sb="4" eb="5">
      <t>ネン</t>
    </rPh>
    <phoneticPr fontId="4"/>
  </si>
  <si>
    <t>平成元年</t>
    <rPh sb="0" eb="2">
      <t>ｈ</t>
    </rPh>
    <rPh sb="2" eb="4">
      <t>ガンネン</t>
    </rPh>
    <phoneticPr fontId="4"/>
  </si>
  <si>
    <t>総数</t>
    <rPh sb="0" eb="2">
      <t>ソウスウ</t>
    </rPh>
    <phoneticPr fontId="3"/>
  </si>
  <si>
    <t>輸出</t>
    <rPh sb="0" eb="2">
      <t>ユシュツ</t>
    </rPh>
    <phoneticPr fontId="3"/>
  </si>
  <si>
    <t>輸入</t>
    <rPh sb="0" eb="2">
      <t>ユニュウ</t>
    </rPh>
    <phoneticPr fontId="3"/>
  </si>
  <si>
    <t>移出</t>
    <rPh sb="0" eb="2">
      <t>イシュツ</t>
    </rPh>
    <phoneticPr fontId="3"/>
  </si>
  <si>
    <t>移入</t>
    <rPh sb="0" eb="2">
      <t>イニュウ</t>
    </rPh>
    <phoneticPr fontId="3"/>
  </si>
  <si>
    <t>農水産品</t>
    <rPh sb="0" eb="4">
      <t>ノウスイサンヒン</t>
    </rPh>
    <phoneticPr fontId="3"/>
  </si>
  <si>
    <t>林産品</t>
    <rPh sb="0" eb="2">
      <t>リンサン</t>
    </rPh>
    <rPh sb="2" eb="3">
      <t>ヒン</t>
    </rPh>
    <phoneticPr fontId="3"/>
  </si>
  <si>
    <t>鉱産品</t>
    <rPh sb="0" eb="2">
      <t>コウサン</t>
    </rPh>
    <rPh sb="2" eb="3">
      <t>ヒン</t>
    </rPh>
    <phoneticPr fontId="3"/>
  </si>
  <si>
    <t>金属機械
工業品</t>
    <rPh sb="0" eb="2">
      <t>キンゾク</t>
    </rPh>
    <rPh sb="2" eb="4">
      <t>キカイ</t>
    </rPh>
    <rPh sb="5" eb="7">
      <t>コウギョウ</t>
    </rPh>
    <rPh sb="7" eb="8">
      <t>ヒン</t>
    </rPh>
    <phoneticPr fontId="3"/>
  </si>
  <si>
    <t>化学工業品</t>
    <rPh sb="0" eb="2">
      <t>カガク</t>
    </rPh>
    <rPh sb="2" eb="4">
      <t>コウギョウ</t>
    </rPh>
    <rPh sb="4" eb="5">
      <t>ヒン</t>
    </rPh>
    <phoneticPr fontId="3"/>
  </si>
  <si>
    <t>軽工業品</t>
    <rPh sb="0" eb="3">
      <t>ケイコウギョウ</t>
    </rPh>
    <rPh sb="3" eb="4">
      <t>ヒン</t>
    </rPh>
    <phoneticPr fontId="3"/>
  </si>
  <si>
    <t>雑工業品</t>
    <rPh sb="0" eb="1">
      <t>ザツ</t>
    </rPh>
    <rPh sb="1" eb="3">
      <t>コウギョウ</t>
    </rPh>
    <rPh sb="3" eb="4">
      <t>ヒン</t>
    </rPh>
    <phoneticPr fontId="3"/>
  </si>
  <si>
    <t>特殊品</t>
    <rPh sb="0" eb="2">
      <t>トクシュ</t>
    </rPh>
    <rPh sb="2" eb="3">
      <t>ヒン</t>
    </rPh>
    <phoneticPr fontId="3"/>
  </si>
  <si>
    <t>分類不能のもの</t>
    <rPh sb="0" eb="2">
      <t>ブンルイ</t>
    </rPh>
    <rPh sb="2" eb="4">
      <t>フノウ</t>
    </rPh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-</t>
    <phoneticPr fontId="3"/>
  </si>
  <si>
    <t>平成27年</t>
    <rPh sb="0" eb="2">
      <t>ｈ</t>
    </rPh>
    <rPh sb="4" eb="5">
      <t>ネン</t>
    </rPh>
    <phoneticPr fontId="4"/>
  </si>
  <si>
    <t>平成28年</t>
    <rPh sb="0" eb="2">
      <t>ｈ</t>
    </rPh>
    <rPh sb="4" eb="5">
      <t>ネン</t>
    </rPh>
    <phoneticPr fontId="4"/>
  </si>
  <si>
    <t>平成29年</t>
    <rPh sb="0" eb="2">
      <t>ｈ</t>
    </rPh>
    <rPh sb="4" eb="5">
      <t>ネン</t>
    </rPh>
    <phoneticPr fontId="4"/>
  </si>
  <si>
    <t>平成30年</t>
    <rPh sb="0" eb="2">
      <t>ｈ</t>
    </rPh>
    <rPh sb="4" eb="5">
      <t>ネン</t>
    </rPh>
    <phoneticPr fontId="4"/>
  </si>
  <si>
    <t>令和元年</t>
    <rPh sb="0" eb="2">
      <t>レイワ</t>
    </rPh>
    <rPh sb="2" eb="4">
      <t>ガンネン</t>
    </rPh>
    <rPh sb="3" eb="4">
      <t>ネン</t>
    </rPh>
    <phoneticPr fontId="4"/>
  </si>
  <si>
    <t>令和２年</t>
    <rPh sb="0" eb="2">
      <t>レイワ</t>
    </rPh>
    <rPh sb="3" eb="4">
      <t>ネ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1" formatCode="_ * #,##0_ ;_ * \-#,##0_ ;_ * &quot;-&quot;_ ;_ @_ "/>
  </numFmts>
  <fonts count="5" x14ac:knownFonts="1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2">
    <xf numFmtId="0" fontId="0" fillId="0" borderId="0"/>
    <xf numFmtId="0" fontId="1" fillId="0" borderId="0">
      <alignment vertical="center"/>
    </xf>
  </cellStyleXfs>
  <cellXfs count="28">
    <xf numFmtId="0" fontId="0" fillId="0" borderId="0" xfId="0"/>
    <xf numFmtId="0" fontId="0" fillId="0" borderId="1" xfId="0" applyFont="1" applyFill="1" applyBorder="1" applyAlignment="1">
      <alignment horizontal="center" vertical="center" wrapText="1"/>
    </xf>
    <xf numFmtId="0" fontId="0" fillId="0" borderId="3" xfId="0" applyFont="1" applyFill="1" applyBorder="1" applyAlignment="1">
      <alignment vertical="center" wrapText="1"/>
    </xf>
    <xf numFmtId="0" fontId="0" fillId="0" borderId="1" xfId="0" applyBorder="1" applyAlignment="1">
      <alignment horizontal="center" vertical="center" wrapText="1"/>
    </xf>
    <xf numFmtId="0" fontId="0" fillId="0" borderId="1" xfId="0" applyFill="1" applyBorder="1" applyAlignment="1">
      <alignment horizontal="center" vertical="center" wrapText="1"/>
    </xf>
    <xf numFmtId="0" fontId="0" fillId="0" borderId="8" xfId="0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41" fontId="0" fillId="0" borderId="8" xfId="0" applyNumberFormat="1" applyBorder="1" applyAlignment="1">
      <alignment horizontal="right" vertical="center" shrinkToFit="1"/>
    </xf>
    <xf numFmtId="41" fontId="0" fillId="0" borderId="6" xfId="0" applyNumberFormat="1" applyBorder="1" applyAlignment="1">
      <alignment horizontal="right" vertical="center" shrinkToFit="1"/>
    </xf>
    <xf numFmtId="0" fontId="0" fillId="2" borderId="6" xfId="0" applyFill="1" applyBorder="1" applyAlignment="1">
      <alignment horizontal="center" vertical="center" shrinkToFit="1"/>
    </xf>
    <xf numFmtId="0" fontId="0" fillId="2" borderId="9" xfId="0" applyFill="1" applyBorder="1" applyAlignment="1">
      <alignment horizontal="center" vertical="center" shrinkToFit="1"/>
    </xf>
    <xf numFmtId="41" fontId="0" fillId="2" borderId="6" xfId="0" applyNumberFormat="1" applyFill="1" applyBorder="1" applyAlignment="1">
      <alignment horizontal="right" vertical="center" shrinkToFit="1"/>
    </xf>
    <xf numFmtId="0" fontId="0" fillId="2" borderId="5" xfId="0" applyFill="1" applyBorder="1" applyAlignment="1">
      <alignment horizontal="center" vertical="center" shrinkToFit="1"/>
    </xf>
    <xf numFmtId="41" fontId="0" fillId="2" borderId="5" xfId="0" applyNumberFormat="1" applyFill="1" applyBorder="1" applyAlignment="1">
      <alignment horizontal="right" vertical="center" shrinkToFit="1"/>
    </xf>
    <xf numFmtId="0" fontId="0" fillId="0" borderId="6" xfId="0" applyFont="1" applyFill="1" applyBorder="1" applyAlignment="1">
      <alignment horizontal="center" vertical="center" shrinkToFit="1"/>
    </xf>
    <xf numFmtId="41" fontId="0" fillId="0" borderId="6" xfId="0" applyNumberFormat="1" applyFont="1" applyFill="1" applyBorder="1" applyAlignment="1">
      <alignment horizontal="right" vertical="center" shrinkToFit="1"/>
    </xf>
    <xf numFmtId="41" fontId="0" fillId="0" borderId="8" xfId="0" applyNumberFormat="1" applyBorder="1" applyAlignment="1">
      <alignment horizontal="center" vertical="center" shrinkToFit="1"/>
    </xf>
    <xf numFmtId="41" fontId="0" fillId="0" borderId="8" xfId="0" applyNumberFormat="1" applyFill="1" applyBorder="1" applyAlignment="1">
      <alignment horizontal="center" vertical="center" shrinkToFit="1"/>
    </xf>
    <xf numFmtId="41" fontId="0" fillId="2" borderId="6" xfId="0" applyNumberFormat="1" applyFill="1" applyBorder="1" applyAlignment="1">
      <alignment horizontal="center" vertical="center" shrinkToFit="1"/>
    </xf>
    <xf numFmtId="41" fontId="0" fillId="0" borderId="6" xfId="0" applyNumberFormat="1" applyBorder="1" applyAlignment="1">
      <alignment horizontal="center" vertical="center" shrinkToFit="1"/>
    </xf>
    <xf numFmtId="41" fontId="0" fillId="0" borderId="6" xfId="0" applyNumberFormat="1" applyFill="1" applyBorder="1" applyAlignment="1">
      <alignment horizontal="center" vertical="center" shrinkToFit="1"/>
    </xf>
    <xf numFmtId="41" fontId="0" fillId="2" borderId="9" xfId="0" applyNumberFormat="1" applyFill="1" applyBorder="1" applyAlignment="1">
      <alignment horizontal="center" vertical="center" shrinkToFit="1"/>
    </xf>
    <xf numFmtId="0" fontId="0" fillId="0" borderId="7" xfId="0" applyFill="1" applyBorder="1" applyAlignment="1">
      <alignment horizontal="center" vertical="center" shrinkToFit="1"/>
    </xf>
    <xf numFmtId="0" fontId="0" fillId="0" borderId="2" xfId="0" applyFill="1" applyBorder="1" applyAlignment="1">
      <alignment horizontal="center" vertical="center" shrinkToFit="1"/>
    </xf>
    <xf numFmtId="0" fontId="0" fillId="0" borderId="4" xfId="0" applyFill="1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</cellXfs>
  <cellStyles count="2">
    <cellStyle name="標準" xfId="0" builtinId="0"/>
    <cellStyle name="標準 2" xfId="1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/>
  </sheetPr>
  <dimension ref="A1:M153"/>
  <sheetViews>
    <sheetView tabSelected="1" view="pageBreakPreview" zoomScaleNormal="100" zoomScaleSheetLayoutView="100" zoomScalePageLayoutView="70" workbookViewId="0">
      <pane xSplit="2" ySplit="1" topLeftCell="C140" activePane="bottomRight" state="frozen"/>
      <selection activeCell="O123" sqref="O123"/>
      <selection pane="topRight" activeCell="O123" sqref="O123"/>
      <selection pane="bottomLeft" activeCell="O123" sqref="O123"/>
      <selection pane="bottomRight" activeCell="L154" sqref="L154"/>
    </sheetView>
  </sheetViews>
  <sheetFormatPr defaultRowHeight="13.2" x14ac:dyDescent="0.2"/>
  <cols>
    <col min="1" max="2" width="8.109375" customWidth="1"/>
    <col min="3" max="3" width="7.6640625" customWidth="1"/>
    <col min="4" max="4" width="12" customWidth="1"/>
    <col min="5" max="5" width="10.77734375" customWidth="1"/>
    <col min="6" max="6" width="11.77734375" customWidth="1"/>
    <col min="7" max="7" width="12.88671875" customWidth="1"/>
    <col min="8" max="8" width="10.77734375" customWidth="1"/>
    <col min="9" max="9" width="12.21875" customWidth="1"/>
    <col min="10" max="12" width="10.77734375" customWidth="1"/>
    <col min="13" max="13" width="11.21875" customWidth="1"/>
  </cols>
  <sheetData>
    <row r="1" spans="1:13" ht="26.4" x14ac:dyDescent="0.2">
      <c r="A1" s="1" t="s">
        <v>0</v>
      </c>
      <c r="B1" s="1" t="s">
        <v>1</v>
      </c>
      <c r="C1" s="2"/>
      <c r="D1" s="3" t="s">
        <v>34</v>
      </c>
      <c r="E1" s="3" t="s">
        <v>39</v>
      </c>
      <c r="F1" s="4" t="s">
        <v>40</v>
      </c>
      <c r="G1" s="4" t="s">
        <v>41</v>
      </c>
      <c r="H1" s="3" t="s">
        <v>42</v>
      </c>
      <c r="I1" s="4" t="s">
        <v>43</v>
      </c>
      <c r="J1" s="3" t="s">
        <v>44</v>
      </c>
      <c r="K1" s="3" t="s">
        <v>45</v>
      </c>
      <c r="L1" s="3" t="s">
        <v>46</v>
      </c>
      <c r="M1" s="3" t="s">
        <v>47</v>
      </c>
    </row>
    <row r="2" spans="1:13" x14ac:dyDescent="0.2">
      <c r="A2" s="22">
        <v>1983</v>
      </c>
      <c r="B2" s="25" t="s">
        <v>2</v>
      </c>
      <c r="C2" s="5" t="s">
        <v>35</v>
      </c>
      <c r="D2" s="16">
        <v>0</v>
      </c>
      <c r="E2" s="16">
        <v>0</v>
      </c>
      <c r="F2" s="17">
        <v>0</v>
      </c>
      <c r="G2" s="17">
        <v>0</v>
      </c>
      <c r="H2" s="16">
        <v>0</v>
      </c>
      <c r="I2" s="17">
        <v>0</v>
      </c>
      <c r="J2" s="16">
        <v>0</v>
      </c>
      <c r="K2" s="16">
        <v>0</v>
      </c>
      <c r="L2" s="16">
        <v>0</v>
      </c>
      <c r="M2" s="16">
        <v>0</v>
      </c>
    </row>
    <row r="3" spans="1:13" x14ac:dyDescent="0.2">
      <c r="A3" s="23"/>
      <c r="B3" s="26"/>
      <c r="C3" s="9" t="s">
        <v>36</v>
      </c>
      <c r="D3" s="18">
        <v>10698</v>
      </c>
      <c r="E3" s="18">
        <v>0</v>
      </c>
      <c r="F3" s="18">
        <v>10698</v>
      </c>
      <c r="G3" s="18">
        <v>0</v>
      </c>
      <c r="H3" s="18">
        <v>0</v>
      </c>
      <c r="I3" s="18">
        <v>0</v>
      </c>
      <c r="J3" s="18">
        <v>0</v>
      </c>
      <c r="K3" s="18">
        <v>0</v>
      </c>
      <c r="L3" s="18">
        <v>0</v>
      </c>
      <c r="M3" s="18">
        <v>0</v>
      </c>
    </row>
    <row r="4" spans="1:13" x14ac:dyDescent="0.2">
      <c r="A4" s="23"/>
      <c r="B4" s="26"/>
      <c r="C4" s="6" t="s">
        <v>37</v>
      </c>
      <c r="D4" s="19">
        <v>546</v>
      </c>
      <c r="E4" s="19">
        <v>0</v>
      </c>
      <c r="F4" s="20">
        <v>0</v>
      </c>
      <c r="G4" s="20">
        <v>0</v>
      </c>
      <c r="H4" s="19">
        <v>0</v>
      </c>
      <c r="I4" s="20">
        <v>546</v>
      </c>
      <c r="J4" s="19">
        <v>0</v>
      </c>
      <c r="K4" s="19">
        <v>0</v>
      </c>
      <c r="L4" s="19">
        <v>0</v>
      </c>
      <c r="M4" s="19">
        <v>0</v>
      </c>
    </row>
    <row r="5" spans="1:13" x14ac:dyDescent="0.2">
      <c r="A5" s="24"/>
      <c r="B5" s="26"/>
      <c r="C5" s="10" t="s">
        <v>38</v>
      </c>
      <c r="D5" s="21">
        <v>10292</v>
      </c>
      <c r="E5" s="21">
        <v>0</v>
      </c>
      <c r="F5" s="21">
        <v>0</v>
      </c>
      <c r="G5" s="21">
        <v>7294</v>
      </c>
      <c r="H5" s="21">
        <v>2452</v>
      </c>
      <c r="I5" s="21">
        <v>546</v>
      </c>
      <c r="J5" s="21">
        <v>0</v>
      </c>
      <c r="K5" s="21">
        <v>0</v>
      </c>
      <c r="L5" s="21">
        <v>0</v>
      </c>
      <c r="M5" s="21">
        <v>0</v>
      </c>
    </row>
    <row r="6" spans="1:13" x14ac:dyDescent="0.2">
      <c r="A6" s="22">
        <v>1984</v>
      </c>
      <c r="B6" s="25" t="s">
        <v>29</v>
      </c>
      <c r="C6" s="5" t="s">
        <v>35</v>
      </c>
      <c r="D6" s="7" t="s">
        <v>48</v>
      </c>
      <c r="E6" s="7" t="s">
        <v>48</v>
      </c>
      <c r="F6" s="7" t="s">
        <v>48</v>
      </c>
      <c r="G6" s="7" t="s">
        <v>48</v>
      </c>
      <c r="H6" s="7" t="s">
        <v>48</v>
      </c>
      <c r="I6" s="7" t="s">
        <v>48</v>
      </c>
      <c r="J6" s="7" t="s">
        <v>48</v>
      </c>
      <c r="K6" s="7" t="s">
        <v>48</v>
      </c>
      <c r="L6" s="7" t="s">
        <v>48</v>
      </c>
      <c r="M6" s="7" t="s">
        <v>48</v>
      </c>
    </row>
    <row r="7" spans="1:13" x14ac:dyDescent="0.2">
      <c r="A7" s="23"/>
      <c r="B7" s="26"/>
      <c r="C7" s="9" t="s">
        <v>36</v>
      </c>
      <c r="D7" s="11">
        <v>19914</v>
      </c>
      <c r="E7" s="11" t="s">
        <v>48</v>
      </c>
      <c r="F7" s="11">
        <v>19914</v>
      </c>
      <c r="G7" s="11" t="s">
        <v>48</v>
      </c>
      <c r="H7" s="11" t="s">
        <v>48</v>
      </c>
      <c r="I7" s="11" t="s">
        <v>48</v>
      </c>
      <c r="J7" s="11" t="s">
        <v>48</v>
      </c>
      <c r="K7" s="11" t="s">
        <v>48</v>
      </c>
      <c r="L7" s="11" t="s">
        <v>48</v>
      </c>
      <c r="M7" s="11" t="s">
        <v>48</v>
      </c>
    </row>
    <row r="8" spans="1:13" x14ac:dyDescent="0.2">
      <c r="A8" s="23"/>
      <c r="B8" s="26"/>
      <c r="C8" s="6" t="s">
        <v>37</v>
      </c>
      <c r="D8" s="8">
        <v>2020</v>
      </c>
      <c r="E8" s="8" t="s">
        <v>48</v>
      </c>
      <c r="F8" s="8" t="s">
        <v>48</v>
      </c>
      <c r="G8" s="8" t="s">
        <v>48</v>
      </c>
      <c r="H8" s="8" t="s">
        <v>48</v>
      </c>
      <c r="I8" s="8">
        <v>2020</v>
      </c>
      <c r="J8" s="8" t="s">
        <v>48</v>
      </c>
      <c r="K8" s="8">
        <v>7</v>
      </c>
      <c r="L8" s="8" t="s">
        <v>48</v>
      </c>
      <c r="M8" s="8" t="s">
        <v>48</v>
      </c>
    </row>
    <row r="9" spans="1:13" x14ac:dyDescent="0.2">
      <c r="A9" s="24"/>
      <c r="B9" s="27"/>
      <c r="C9" s="12" t="s">
        <v>38</v>
      </c>
      <c r="D9" s="13">
        <v>11644</v>
      </c>
      <c r="E9" s="13" t="s">
        <v>48</v>
      </c>
      <c r="F9" s="13" t="s">
        <v>48</v>
      </c>
      <c r="G9" s="13">
        <v>9209</v>
      </c>
      <c r="H9" s="13">
        <v>1735</v>
      </c>
      <c r="I9" s="13" t="s">
        <v>48</v>
      </c>
      <c r="J9" s="13" t="s">
        <v>48</v>
      </c>
      <c r="K9" s="13">
        <v>700</v>
      </c>
      <c r="L9" s="13" t="s">
        <v>48</v>
      </c>
      <c r="M9" s="13" t="s">
        <v>48</v>
      </c>
    </row>
    <row r="10" spans="1:13" x14ac:dyDescent="0.2">
      <c r="A10" s="22">
        <v>1985</v>
      </c>
      <c r="B10" s="25" t="s">
        <v>30</v>
      </c>
      <c r="C10" s="5" t="s">
        <v>35</v>
      </c>
      <c r="D10" s="7">
        <v>984</v>
      </c>
      <c r="E10" s="7" t="s">
        <v>49</v>
      </c>
      <c r="F10" s="7" t="s">
        <v>49</v>
      </c>
      <c r="G10" s="7" t="s">
        <v>49</v>
      </c>
      <c r="H10" s="7" t="s">
        <v>49</v>
      </c>
      <c r="I10" s="7" t="s">
        <v>48</v>
      </c>
      <c r="J10" s="7" t="s">
        <v>49</v>
      </c>
      <c r="K10" s="7">
        <v>984</v>
      </c>
      <c r="L10" s="7" t="s">
        <v>49</v>
      </c>
      <c r="M10" s="7" t="s">
        <v>49</v>
      </c>
    </row>
    <row r="11" spans="1:13" x14ac:dyDescent="0.2">
      <c r="A11" s="23"/>
      <c r="B11" s="26"/>
      <c r="C11" s="9" t="s">
        <v>36</v>
      </c>
      <c r="D11" s="11">
        <v>17852</v>
      </c>
      <c r="E11" s="11" t="s">
        <v>49</v>
      </c>
      <c r="F11" s="11">
        <v>17852</v>
      </c>
      <c r="G11" s="11" t="s">
        <v>49</v>
      </c>
      <c r="H11" s="11" t="s">
        <v>49</v>
      </c>
      <c r="I11" s="11" t="s">
        <v>49</v>
      </c>
      <c r="J11" s="11" t="s">
        <v>49</v>
      </c>
      <c r="K11" s="11" t="s">
        <v>49</v>
      </c>
      <c r="L11" s="11" t="s">
        <v>49</v>
      </c>
      <c r="M11" s="11" t="s">
        <v>49</v>
      </c>
    </row>
    <row r="12" spans="1:13" x14ac:dyDescent="0.2">
      <c r="A12" s="23"/>
      <c r="B12" s="26"/>
      <c r="C12" s="6" t="s">
        <v>37</v>
      </c>
      <c r="D12" s="8">
        <v>4691</v>
      </c>
      <c r="E12" s="8" t="s">
        <v>50</v>
      </c>
      <c r="F12" s="8" t="s">
        <v>49</v>
      </c>
      <c r="G12" s="8" t="s">
        <v>49</v>
      </c>
      <c r="H12" s="8">
        <v>2694</v>
      </c>
      <c r="I12" s="8">
        <v>1617</v>
      </c>
      <c r="J12" s="8">
        <v>380</v>
      </c>
      <c r="K12" s="8" t="s">
        <v>49</v>
      </c>
      <c r="L12" s="8" t="s">
        <v>48</v>
      </c>
      <c r="M12" s="8" t="s">
        <v>49</v>
      </c>
    </row>
    <row r="13" spans="1:13" x14ac:dyDescent="0.2">
      <c r="A13" s="24"/>
      <c r="B13" s="27"/>
      <c r="C13" s="12" t="s">
        <v>38</v>
      </c>
      <c r="D13" s="13">
        <v>12873</v>
      </c>
      <c r="E13" s="13" t="s">
        <v>48</v>
      </c>
      <c r="F13" s="13" t="s">
        <v>49</v>
      </c>
      <c r="G13" s="13">
        <v>840</v>
      </c>
      <c r="H13" s="13">
        <v>8999</v>
      </c>
      <c r="I13" s="13">
        <v>1063</v>
      </c>
      <c r="J13" s="13">
        <v>1971</v>
      </c>
      <c r="K13" s="13" t="s">
        <v>49</v>
      </c>
      <c r="L13" s="13" t="s">
        <v>49</v>
      </c>
      <c r="M13" s="13" t="s">
        <v>49</v>
      </c>
    </row>
    <row r="14" spans="1:13" x14ac:dyDescent="0.2">
      <c r="A14" s="22">
        <v>1986</v>
      </c>
      <c r="B14" s="25" t="s">
        <v>31</v>
      </c>
      <c r="C14" s="5" t="s">
        <v>35</v>
      </c>
      <c r="D14" s="7" t="s">
        <v>49</v>
      </c>
      <c r="E14" s="7" t="s">
        <v>49</v>
      </c>
      <c r="F14" s="7" t="s">
        <v>49</v>
      </c>
      <c r="G14" s="7" t="s">
        <v>49</v>
      </c>
      <c r="H14" s="7" t="s">
        <v>49</v>
      </c>
      <c r="I14" s="7" t="s">
        <v>49</v>
      </c>
      <c r="J14" s="7" t="s">
        <v>49</v>
      </c>
      <c r="K14" s="7" t="s">
        <v>49</v>
      </c>
      <c r="L14" s="7" t="s">
        <v>49</v>
      </c>
      <c r="M14" s="7" t="s">
        <v>49</v>
      </c>
    </row>
    <row r="15" spans="1:13" x14ac:dyDescent="0.2">
      <c r="A15" s="23"/>
      <c r="B15" s="26"/>
      <c r="C15" s="9" t="s">
        <v>36</v>
      </c>
      <c r="D15" s="11">
        <v>23296</v>
      </c>
      <c r="E15" s="11" t="s">
        <v>49</v>
      </c>
      <c r="F15" s="11">
        <v>23296</v>
      </c>
      <c r="G15" s="11" t="s">
        <v>49</v>
      </c>
      <c r="H15" s="11" t="s">
        <v>48</v>
      </c>
      <c r="I15" s="11" t="s">
        <v>49</v>
      </c>
      <c r="J15" s="11" t="s">
        <v>49</v>
      </c>
      <c r="K15" s="11" t="s">
        <v>49</v>
      </c>
      <c r="L15" s="11" t="s">
        <v>49</v>
      </c>
      <c r="M15" s="11" t="s">
        <v>49</v>
      </c>
    </row>
    <row r="16" spans="1:13" x14ac:dyDescent="0.2">
      <c r="A16" s="23"/>
      <c r="B16" s="26"/>
      <c r="C16" s="6" t="s">
        <v>37</v>
      </c>
      <c r="D16" s="8">
        <v>3643</v>
      </c>
      <c r="E16" s="8" t="s">
        <v>49</v>
      </c>
      <c r="F16" s="8" t="s">
        <v>49</v>
      </c>
      <c r="G16" s="8" t="s">
        <v>49</v>
      </c>
      <c r="H16" s="8" t="s">
        <v>49</v>
      </c>
      <c r="I16" s="8">
        <v>3182</v>
      </c>
      <c r="J16" s="8">
        <v>461</v>
      </c>
      <c r="K16" s="8" t="s">
        <v>51</v>
      </c>
      <c r="L16" s="8" t="s">
        <v>49</v>
      </c>
      <c r="M16" s="8" t="s">
        <v>48</v>
      </c>
    </row>
    <row r="17" spans="1:13" x14ac:dyDescent="0.2">
      <c r="A17" s="24"/>
      <c r="B17" s="27"/>
      <c r="C17" s="12" t="s">
        <v>38</v>
      </c>
      <c r="D17" s="13">
        <v>34402</v>
      </c>
      <c r="E17" s="13">
        <v>411</v>
      </c>
      <c r="F17" s="13" t="s">
        <v>49</v>
      </c>
      <c r="G17" s="13">
        <v>19645</v>
      </c>
      <c r="H17" s="13">
        <v>9983</v>
      </c>
      <c r="I17" s="13">
        <v>200</v>
      </c>
      <c r="J17" s="13">
        <v>4163</v>
      </c>
      <c r="K17" s="13" t="s">
        <v>49</v>
      </c>
      <c r="L17" s="13" t="s">
        <v>49</v>
      </c>
      <c r="M17" s="13" t="s">
        <v>48</v>
      </c>
    </row>
    <row r="18" spans="1:13" x14ac:dyDescent="0.2">
      <c r="A18" s="22">
        <v>1987</v>
      </c>
      <c r="B18" s="25" t="s">
        <v>32</v>
      </c>
      <c r="C18" s="5" t="s">
        <v>35</v>
      </c>
      <c r="D18" s="7" t="s">
        <v>49</v>
      </c>
      <c r="E18" s="7" t="s">
        <v>49</v>
      </c>
      <c r="F18" s="7" t="s">
        <v>49</v>
      </c>
      <c r="G18" s="7" t="s">
        <v>49</v>
      </c>
      <c r="H18" s="7" t="s">
        <v>49</v>
      </c>
      <c r="I18" s="7" t="s">
        <v>49</v>
      </c>
      <c r="J18" s="7" t="s">
        <v>49</v>
      </c>
      <c r="K18" s="7" t="s">
        <v>49</v>
      </c>
      <c r="L18" s="7" t="s">
        <v>49</v>
      </c>
      <c r="M18" s="7" t="s">
        <v>49</v>
      </c>
    </row>
    <row r="19" spans="1:13" x14ac:dyDescent="0.2">
      <c r="A19" s="23"/>
      <c r="B19" s="26"/>
      <c r="C19" s="9" t="s">
        <v>36</v>
      </c>
      <c r="D19" s="11">
        <v>13474</v>
      </c>
      <c r="E19" s="11" t="s">
        <v>48</v>
      </c>
      <c r="F19" s="11">
        <v>13474</v>
      </c>
      <c r="G19" s="11" t="s">
        <v>49</v>
      </c>
      <c r="H19" s="11" t="s">
        <v>49</v>
      </c>
      <c r="I19" s="11" t="s">
        <v>49</v>
      </c>
      <c r="J19" s="11" t="s">
        <v>49</v>
      </c>
      <c r="K19" s="11" t="s">
        <v>49</v>
      </c>
      <c r="L19" s="11" t="s">
        <v>48</v>
      </c>
      <c r="M19" s="11" t="s">
        <v>49</v>
      </c>
    </row>
    <row r="20" spans="1:13" x14ac:dyDescent="0.2">
      <c r="A20" s="23"/>
      <c r="B20" s="26"/>
      <c r="C20" s="6" t="s">
        <v>37</v>
      </c>
      <c r="D20" s="8">
        <v>7700</v>
      </c>
      <c r="E20" s="8" t="s">
        <v>48</v>
      </c>
      <c r="F20" s="8" t="s">
        <v>49</v>
      </c>
      <c r="G20" s="8">
        <v>867</v>
      </c>
      <c r="H20" s="8">
        <v>1150</v>
      </c>
      <c r="I20" s="8">
        <v>3524</v>
      </c>
      <c r="J20" s="8">
        <v>2159</v>
      </c>
      <c r="K20" s="8" t="s">
        <v>49</v>
      </c>
      <c r="L20" s="8" t="s">
        <v>49</v>
      </c>
      <c r="M20" s="8" t="s">
        <v>49</v>
      </c>
    </row>
    <row r="21" spans="1:13" x14ac:dyDescent="0.2">
      <c r="A21" s="24"/>
      <c r="B21" s="27"/>
      <c r="C21" s="12" t="s">
        <v>38</v>
      </c>
      <c r="D21" s="13">
        <v>57702</v>
      </c>
      <c r="E21" s="13">
        <v>518</v>
      </c>
      <c r="F21" s="13" t="s">
        <v>49</v>
      </c>
      <c r="G21" s="13">
        <v>43957</v>
      </c>
      <c r="H21" s="13">
        <v>6707</v>
      </c>
      <c r="I21" s="13">
        <v>690</v>
      </c>
      <c r="J21" s="13">
        <v>5830</v>
      </c>
      <c r="K21" s="13" t="s">
        <v>49</v>
      </c>
      <c r="L21" s="13" t="s">
        <v>49</v>
      </c>
      <c r="M21" s="13" t="s">
        <v>49</v>
      </c>
    </row>
    <row r="22" spans="1:13" x14ac:dyDescent="0.2">
      <c r="A22" s="22">
        <v>1988</v>
      </c>
      <c r="B22" s="25" t="s">
        <v>3</v>
      </c>
      <c r="C22" s="5" t="s">
        <v>35</v>
      </c>
      <c r="D22" s="7" t="s">
        <v>48</v>
      </c>
      <c r="E22" s="7" t="s">
        <v>48</v>
      </c>
      <c r="F22" s="7" t="s">
        <v>48</v>
      </c>
      <c r="G22" s="7" t="s">
        <v>48</v>
      </c>
      <c r="H22" s="7" t="s">
        <v>48</v>
      </c>
      <c r="I22" s="7" t="s">
        <v>48</v>
      </c>
      <c r="J22" s="7" t="s">
        <v>48</v>
      </c>
      <c r="K22" s="7" t="s">
        <v>48</v>
      </c>
      <c r="L22" s="7" t="s">
        <v>48</v>
      </c>
      <c r="M22" s="7" t="s">
        <v>48</v>
      </c>
    </row>
    <row r="23" spans="1:13" x14ac:dyDescent="0.2">
      <c r="A23" s="23"/>
      <c r="B23" s="26"/>
      <c r="C23" s="9" t="s">
        <v>36</v>
      </c>
      <c r="D23" s="11">
        <v>39798</v>
      </c>
      <c r="E23" s="11" t="s">
        <v>48</v>
      </c>
      <c r="F23" s="11">
        <v>32351</v>
      </c>
      <c r="G23" s="11">
        <v>6000</v>
      </c>
      <c r="H23" s="11">
        <v>1447</v>
      </c>
      <c r="I23" s="11" t="s">
        <v>48</v>
      </c>
      <c r="J23" s="11" t="s">
        <v>49</v>
      </c>
      <c r="K23" s="11" t="s">
        <v>49</v>
      </c>
      <c r="L23" s="11" t="s">
        <v>48</v>
      </c>
      <c r="M23" s="11" t="s">
        <v>48</v>
      </c>
    </row>
    <row r="24" spans="1:13" x14ac:dyDescent="0.2">
      <c r="A24" s="23"/>
      <c r="B24" s="26"/>
      <c r="C24" s="6" t="s">
        <v>37</v>
      </c>
      <c r="D24" s="8">
        <v>12185</v>
      </c>
      <c r="E24" s="8">
        <v>986</v>
      </c>
      <c r="F24" s="8" t="s">
        <v>48</v>
      </c>
      <c r="G24" s="8">
        <v>1083</v>
      </c>
      <c r="H24" s="8">
        <v>3500</v>
      </c>
      <c r="I24" s="8">
        <v>4234</v>
      </c>
      <c r="J24" s="8">
        <v>2382</v>
      </c>
      <c r="K24" s="8" t="s">
        <v>49</v>
      </c>
      <c r="L24" s="8" t="s">
        <v>48</v>
      </c>
      <c r="M24" s="8" t="s">
        <v>48</v>
      </c>
    </row>
    <row r="25" spans="1:13" x14ac:dyDescent="0.2">
      <c r="A25" s="24"/>
      <c r="B25" s="27"/>
      <c r="C25" s="12" t="s">
        <v>38</v>
      </c>
      <c r="D25" s="13">
        <v>226197</v>
      </c>
      <c r="E25" s="13">
        <v>651</v>
      </c>
      <c r="F25" s="13" t="s">
        <v>48</v>
      </c>
      <c r="G25" s="13">
        <v>200881</v>
      </c>
      <c r="H25" s="13">
        <v>16949</v>
      </c>
      <c r="I25" s="13">
        <v>385</v>
      </c>
      <c r="J25" s="13">
        <v>6581</v>
      </c>
      <c r="K25" s="13">
        <v>750</v>
      </c>
      <c r="L25" s="13" t="s">
        <v>48</v>
      </c>
      <c r="M25" s="13" t="s">
        <v>48</v>
      </c>
    </row>
    <row r="26" spans="1:13" x14ac:dyDescent="0.2">
      <c r="A26" s="22">
        <v>1989</v>
      </c>
      <c r="B26" s="25" t="s">
        <v>33</v>
      </c>
      <c r="C26" s="5" t="s">
        <v>35</v>
      </c>
      <c r="D26" s="7">
        <v>4233</v>
      </c>
      <c r="E26" s="7" t="s">
        <v>48</v>
      </c>
      <c r="F26" s="7" t="s">
        <v>48</v>
      </c>
      <c r="G26" s="7" t="s">
        <v>48</v>
      </c>
      <c r="H26" s="7">
        <v>4233</v>
      </c>
      <c r="I26" s="7" t="s">
        <v>48</v>
      </c>
      <c r="J26" s="7" t="s">
        <v>48</v>
      </c>
      <c r="K26" s="7" t="s">
        <v>48</v>
      </c>
      <c r="L26" s="7" t="s">
        <v>48</v>
      </c>
      <c r="M26" s="7" t="s">
        <v>48</v>
      </c>
    </row>
    <row r="27" spans="1:13" x14ac:dyDescent="0.2">
      <c r="A27" s="23"/>
      <c r="B27" s="26"/>
      <c r="C27" s="9" t="s">
        <v>36</v>
      </c>
      <c r="D27" s="11">
        <v>29942</v>
      </c>
      <c r="E27" s="11" t="s">
        <v>48</v>
      </c>
      <c r="F27" s="11">
        <v>26942</v>
      </c>
      <c r="G27" s="11">
        <v>3000</v>
      </c>
      <c r="H27" s="11" t="s">
        <v>48</v>
      </c>
      <c r="I27" s="11" t="s">
        <v>48</v>
      </c>
      <c r="J27" s="11" t="s">
        <v>48</v>
      </c>
      <c r="K27" s="11" t="s">
        <v>48</v>
      </c>
      <c r="L27" s="11" t="s">
        <v>48</v>
      </c>
      <c r="M27" s="11" t="s">
        <v>48</v>
      </c>
    </row>
    <row r="28" spans="1:13" x14ac:dyDescent="0.2">
      <c r="A28" s="23"/>
      <c r="B28" s="26"/>
      <c r="C28" s="6" t="s">
        <v>37</v>
      </c>
      <c r="D28" s="8">
        <v>15467</v>
      </c>
      <c r="E28" s="8">
        <v>4393</v>
      </c>
      <c r="F28" s="8" t="s">
        <v>48</v>
      </c>
      <c r="G28" s="8">
        <v>130</v>
      </c>
      <c r="H28" s="8">
        <v>120</v>
      </c>
      <c r="I28" s="8">
        <v>3714</v>
      </c>
      <c r="J28" s="8">
        <v>6775</v>
      </c>
      <c r="K28" s="8">
        <v>120</v>
      </c>
      <c r="L28" s="8">
        <v>215</v>
      </c>
      <c r="M28" s="8" t="s">
        <v>48</v>
      </c>
    </row>
    <row r="29" spans="1:13" x14ac:dyDescent="0.2">
      <c r="A29" s="24"/>
      <c r="B29" s="27"/>
      <c r="C29" s="12" t="s">
        <v>38</v>
      </c>
      <c r="D29" s="13">
        <v>315133</v>
      </c>
      <c r="E29" s="13">
        <v>985</v>
      </c>
      <c r="F29" s="13" t="s">
        <v>52</v>
      </c>
      <c r="G29" s="13">
        <v>268146</v>
      </c>
      <c r="H29" s="13">
        <v>6522</v>
      </c>
      <c r="I29" s="13">
        <v>29127</v>
      </c>
      <c r="J29" s="13">
        <v>10178</v>
      </c>
      <c r="K29" s="13">
        <v>115</v>
      </c>
      <c r="L29" s="13">
        <v>60</v>
      </c>
      <c r="M29" s="13" t="s">
        <v>48</v>
      </c>
    </row>
    <row r="30" spans="1:13" x14ac:dyDescent="0.2">
      <c r="A30" s="22">
        <v>1990</v>
      </c>
      <c r="B30" s="25" t="s">
        <v>6</v>
      </c>
      <c r="C30" s="5" t="s">
        <v>35</v>
      </c>
      <c r="D30" s="7">
        <v>12392</v>
      </c>
      <c r="E30" s="7" t="s">
        <v>53</v>
      </c>
      <c r="F30" s="7" t="s">
        <v>48</v>
      </c>
      <c r="G30" s="7" t="s">
        <v>48</v>
      </c>
      <c r="H30" s="7">
        <v>12392</v>
      </c>
      <c r="I30" s="7" t="s">
        <v>48</v>
      </c>
      <c r="J30" s="7" t="s">
        <v>48</v>
      </c>
      <c r="K30" s="7" t="s">
        <v>48</v>
      </c>
      <c r="L30" s="7" t="s">
        <v>48</v>
      </c>
      <c r="M30" s="7" t="s">
        <v>48</v>
      </c>
    </row>
    <row r="31" spans="1:13" x14ac:dyDescent="0.2">
      <c r="A31" s="23"/>
      <c r="B31" s="26"/>
      <c r="C31" s="9" t="s">
        <v>36</v>
      </c>
      <c r="D31" s="11">
        <v>70424</v>
      </c>
      <c r="E31" s="11">
        <v>3094</v>
      </c>
      <c r="F31" s="11">
        <v>33027</v>
      </c>
      <c r="G31" s="11">
        <v>12000</v>
      </c>
      <c r="H31" s="11">
        <v>15700</v>
      </c>
      <c r="I31" s="11" t="s">
        <v>48</v>
      </c>
      <c r="J31" s="11" t="s">
        <v>48</v>
      </c>
      <c r="K31" s="11">
        <v>6603</v>
      </c>
      <c r="L31" s="11" t="s">
        <v>48</v>
      </c>
      <c r="M31" s="11" t="s">
        <v>48</v>
      </c>
    </row>
    <row r="32" spans="1:13" x14ac:dyDescent="0.2">
      <c r="A32" s="23"/>
      <c r="B32" s="26"/>
      <c r="C32" s="6" t="s">
        <v>37</v>
      </c>
      <c r="D32" s="8">
        <v>22053</v>
      </c>
      <c r="E32" s="8">
        <v>7458</v>
      </c>
      <c r="F32" s="8" t="s">
        <v>48</v>
      </c>
      <c r="G32" s="8">
        <v>2100</v>
      </c>
      <c r="H32" s="8">
        <v>4752</v>
      </c>
      <c r="I32" s="8">
        <v>4087</v>
      </c>
      <c r="J32" s="8">
        <v>3276</v>
      </c>
      <c r="K32" s="8">
        <v>80</v>
      </c>
      <c r="L32" s="8">
        <v>300</v>
      </c>
      <c r="M32" s="8" t="s">
        <v>48</v>
      </c>
    </row>
    <row r="33" spans="1:13" x14ac:dyDescent="0.2">
      <c r="A33" s="24"/>
      <c r="B33" s="27"/>
      <c r="C33" s="12" t="s">
        <v>38</v>
      </c>
      <c r="D33" s="13">
        <v>1038725</v>
      </c>
      <c r="E33" s="13">
        <v>1475</v>
      </c>
      <c r="F33" s="13" t="s">
        <v>48</v>
      </c>
      <c r="G33" s="13">
        <v>809531</v>
      </c>
      <c r="H33" s="13">
        <v>6799</v>
      </c>
      <c r="I33" s="13">
        <v>209906</v>
      </c>
      <c r="J33" s="13">
        <v>10884</v>
      </c>
      <c r="K33" s="13">
        <v>65</v>
      </c>
      <c r="L33" s="13">
        <v>65</v>
      </c>
      <c r="M33" s="13" t="s">
        <v>48</v>
      </c>
    </row>
    <row r="34" spans="1:13" x14ac:dyDescent="0.2">
      <c r="A34" s="22">
        <v>1991</v>
      </c>
      <c r="B34" s="25" t="s">
        <v>5</v>
      </c>
      <c r="C34" s="5" t="s">
        <v>35</v>
      </c>
      <c r="D34" s="7">
        <v>6466</v>
      </c>
      <c r="E34" s="7">
        <v>0</v>
      </c>
      <c r="F34" s="7">
        <v>0</v>
      </c>
      <c r="G34" s="7">
        <v>0</v>
      </c>
      <c r="H34" s="7">
        <v>6466</v>
      </c>
      <c r="I34" s="7">
        <v>0</v>
      </c>
      <c r="J34" s="7">
        <v>0</v>
      </c>
      <c r="K34" s="7">
        <v>0</v>
      </c>
      <c r="L34" s="7">
        <v>0</v>
      </c>
      <c r="M34" s="7">
        <v>0</v>
      </c>
    </row>
    <row r="35" spans="1:13" x14ac:dyDescent="0.2">
      <c r="A35" s="23"/>
      <c r="B35" s="26"/>
      <c r="C35" s="9" t="s">
        <v>36</v>
      </c>
      <c r="D35" s="11">
        <v>102634</v>
      </c>
      <c r="E35" s="11">
        <v>3896</v>
      </c>
      <c r="F35" s="11">
        <v>18602</v>
      </c>
      <c r="G35" s="11">
        <v>3000</v>
      </c>
      <c r="H35" s="11">
        <v>41586</v>
      </c>
      <c r="I35" s="11">
        <v>0</v>
      </c>
      <c r="J35" s="11">
        <v>0</v>
      </c>
      <c r="K35" s="11">
        <v>35550</v>
      </c>
      <c r="L35" s="11">
        <v>0</v>
      </c>
      <c r="M35" s="11">
        <v>0</v>
      </c>
    </row>
    <row r="36" spans="1:13" x14ac:dyDescent="0.2">
      <c r="A36" s="23"/>
      <c r="B36" s="26"/>
      <c r="C36" s="6" t="s">
        <v>37</v>
      </c>
      <c r="D36" s="8">
        <f>SUM(E36:L36)</f>
        <v>46680</v>
      </c>
      <c r="E36" s="8">
        <v>13678</v>
      </c>
      <c r="F36" s="8">
        <v>25</v>
      </c>
      <c r="G36" s="8">
        <v>875</v>
      </c>
      <c r="H36" s="8">
        <v>3331</v>
      </c>
      <c r="I36" s="8">
        <v>3615</v>
      </c>
      <c r="J36" s="8">
        <v>12216</v>
      </c>
      <c r="K36" s="8">
        <v>1840</v>
      </c>
      <c r="L36" s="8">
        <v>11100</v>
      </c>
      <c r="M36" s="8">
        <v>0</v>
      </c>
    </row>
    <row r="37" spans="1:13" x14ac:dyDescent="0.2">
      <c r="A37" s="24"/>
      <c r="B37" s="27"/>
      <c r="C37" s="12" t="s">
        <v>38</v>
      </c>
      <c r="D37" s="13">
        <v>1309245</v>
      </c>
      <c r="E37" s="13">
        <v>7786</v>
      </c>
      <c r="F37" s="13">
        <v>0</v>
      </c>
      <c r="G37" s="13">
        <v>955181</v>
      </c>
      <c r="H37" s="13">
        <v>13747</v>
      </c>
      <c r="I37" s="13">
        <v>314842</v>
      </c>
      <c r="J37" s="13">
        <v>13044</v>
      </c>
      <c r="K37" s="13">
        <v>1840</v>
      </c>
      <c r="L37" s="13">
        <v>2805</v>
      </c>
      <c r="M37" s="13">
        <v>0</v>
      </c>
    </row>
    <row r="38" spans="1:13" x14ac:dyDescent="0.2">
      <c r="A38" s="22">
        <v>1992</v>
      </c>
      <c r="B38" s="25" t="s">
        <v>7</v>
      </c>
      <c r="C38" s="5" t="s">
        <v>35</v>
      </c>
      <c r="D38" s="7">
        <v>10570</v>
      </c>
      <c r="E38" s="7">
        <v>0</v>
      </c>
      <c r="F38" s="7">
        <v>0</v>
      </c>
      <c r="G38" s="7">
        <v>0</v>
      </c>
      <c r="H38" s="7">
        <v>2020</v>
      </c>
      <c r="I38" s="7">
        <v>0</v>
      </c>
      <c r="J38" s="7">
        <v>0</v>
      </c>
      <c r="K38" s="7">
        <v>0</v>
      </c>
      <c r="L38" s="7">
        <v>8550</v>
      </c>
      <c r="M38" s="7">
        <v>0</v>
      </c>
    </row>
    <row r="39" spans="1:13" x14ac:dyDescent="0.2">
      <c r="A39" s="23"/>
      <c r="B39" s="26"/>
      <c r="C39" s="9" t="s">
        <v>36</v>
      </c>
      <c r="D39" s="11">
        <v>92172</v>
      </c>
      <c r="E39" s="11">
        <v>9263</v>
      </c>
      <c r="F39" s="11">
        <v>9151</v>
      </c>
      <c r="G39" s="11">
        <v>0</v>
      </c>
      <c r="H39" s="11">
        <v>12554</v>
      </c>
      <c r="I39" s="11">
        <v>0</v>
      </c>
      <c r="J39" s="11">
        <v>0</v>
      </c>
      <c r="K39" s="11">
        <v>61204</v>
      </c>
      <c r="L39" s="11">
        <v>0</v>
      </c>
      <c r="M39" s="11">
        <v>0</v>
      </c>
    </row>
    <row r="40" spans="1:13" x14ac:dyDescent="0.2">
      <c r="A40" s="23"/>
      <c r="B40" s="26"/>
      <c r="C40" s="6" t="s">
        <v>37</v>
      </c>
      <c r="D40" s="8">
        <v>73488</v>
      </c>
      <c r="E40" s="8">
        <v>13558</v>
      </c>
      <c r="F40" s="8">
        <v>510</v>
      </c>
      <c r="G40" s="8">
        <v>2895</v>
      </c>
      <c r="H40" s="8">
        <v>350</v>
      </c>
      <c r="I40" s="8">
        <v>3742</v>
      </c>
      <c r="J40" s="8">
        <v>19037</v>
      </c>
      <c r="K40" s="8">
        <v>2035</v>
      </c>
      <c r="L40" s="8">
        <v>31361</v>
      </c>
      <c r="M40" s="8">
        <v>0</v>
      </c>
    </row>
    <row r="41" spans="1:13" x14ac:dyDescent="0.2">
      <c r="A41" s="24"/>
      <c r="B41" s="27"/>
      <c r="C41" s="12" t="s">
        <v>38</v>
      </c>
      <c r="D41" s="13">
        <v>1063646</v>
      </c>
      <c r="E41" s="13">
        <v>9596</v>
      </c>
      <c r="F41" s="13">
        <v>105</v>
      </c>
      <c r="G41" s="13">
        <v>655066</v>
      </c>
      <c r="H41" s="13">
        <v>8772</v>
      </c>
      <c r="I41" s="13">
        <v>367620</v>
      </c>
      <c r="J41" s="13">
        <v>15392</v>
      </c>
      <c r="K41" s="13">
        <v>5205</v>
      </c>
      <c r="L41" s="13">
        <v>1890</v>
      </c>
      <c r="M41" s="13">
        <v>0</v>
      </c>
    </row>
    <row r="42" spans="1:13" x14ac:dyDescent="0.2">
      <c r="A42" s="22">
        <v>1993</v>
      </c>
      <c r="B42" s="25" t="s">
        <v>4</v>
      </c>
      <c r="C42" s="5" t="s">
        <v>35</v>
      </c>
      <c r="D42" s="7">
        <v>1570</v>
      </c>
      <c r="E42" s="7" t="s">
        <v>48</v>
      </c>
      <c r="F42" s="7" t="s">
        <v>48</v>
      </c>
      <c r="G42" s="7" t="s">
        <v>53</v>
      </c>
      <c r="H42" s="7">
        <v>1570</v>
      </c>
      <c r="I42" s="7" t="s">
        <v>48</v>
      </c>
      <c r="J42" s="7" t="s">
        <v>48</v>
      </c>
      <c r="K42" s="7" t="s">
        <v>53</v>
      </c>
      <c r="L42" s="7" t="s">
        <v>48</v>
      </c>
      <c r="M42" s="7" t="s">
        <v>53</v>
      </c>
    </row>
    <row r="43" spans="1:13" x14ac:dyDescent="0.2">
      <c r="A43" s="23"/>
      <c r="B43" s="26"/>
      <c r="C43" s="9" t="s">
        <v>36</v>
      </c>
      <c r="D43" s="11">
        <v>128121</v>
      </c>
      <c r="E43" s="11">
        <v>5281</v>
      </c>
      <c r="F43" s="11">
        <v>6226</v>
      </c>
      <c r="G43" s="11" t="s">
        <v>48</v>
      </c>
      <c r="H43" s="11">
        <v>10012</v>
      </c>
      <c r="I43" s="11">
        <v>1103</v>
      </c>
      <c r="J43" s="11" t="s">
        <v>48</v>
      </c>
      <c r="K43" s="11">
        <v>105499</v>
      </c>
      <c r="L43" s="11" t="s">
        <v>48</v>
      </c>
      <c r="M43" s="11" t="s">
        <v>48</v>
      </c>
    </row>
    <row r="44" spans="1:13" x14ac:dyDescent="0.2">
      <c r="A44" s="23"/>
      <c r="B44" s="26"/>
      <c r="C44" s="6" t="s">
        <v>37</v>
      </c>
      <c r="D44" s="8">
        <v>288106</v>
      </c>
      <c r="E44" s="8">
        <v>11280</v>
      </c>
      <c r="F44" s="8">
        <v>615</v>
      </c>
      <c r="G44" s="8">
        <v>184715</v>
      </c>
      <c r="H44" s="8">
        <v>1445</v>
      </c>
      <c r="I44" s="8">
        <v>4259</v>
      </c>
      <c r="J44" s="8">
        <v>17267</v>
      </c>
      <c r="K44" s="8">
        <v>2035</v>
      </c>
      <c r="L44" s="8">
        <v>66490</v>
      </c>
      <c r="M44" s="8" t="s">
        <v>48</v>
      </c>
    </row>
    <row r="45" spans="1:13" x14ac:dyDescent="0.2">
      <c r="A45" s="24"/>
      <c r="B45" s="27"/>
      <c r="C45" s="12" t="s">
        <v>38</v>
      </c>
      <c r="D45" s="13">
        <v>1008475</v>
      </c>
      <c r="E45" s="13">
        <v>8696</v>
      </c>
      <c r="F45" s="13">
        <v>170</v>
      </c>
      <c r="G45" s="13">
        <v>637051</v>
      </c>
      <c r="H45" s="13">
        <v>9827</v>
      </c>
      <c r="I45" s="13">
        <v>329171</v>
      </c>
      <c r="J45" s="13">
        <v>17895</v>
      </c>
      <c r="K45" s="13">
        <v>4120</v>
      </c>
      <c r="L45" s="13">
        <v>1545</v>
      </c>
      <c r="M45" s="13" t="s">
        <v>48</v>
      </c>
    </row>
    <row r="46" spans="1:13" x14ac:dyDescent="0.2">
      <c r="A46" s="22">
        <v>1994</v>
      </c>
      <c r="B46" s="25" t="s">
        <v>8</v>
      </c>
      <c r="C46" s="5" t="s">
        <v>35</v>
      </c>
      <c r="D46" s="7">
        <v>555</v>
      </c>
      <c r="E46" s="7">
        <v>555</v>
      </c>
      <c r="F46" s="7" t="s">
        <v>48</v>
      </c>
      <c r="G46" s="7" t="s">
        <v>48</v>
      </c>
      <c r="H46" s="7" t="s">
        <v>48</v>
      </c>
      <c r="I46" s="7" t="s">
        <v>48</v>
      </c>
      <c r="J46" s="7" t="s">
        <v>48</v>
      </c>
      <c r="K46" s="7" t="s">
        <v>48</v>
      </c>
      <c r="L46" s="7" t="s">
        <v>48</v>
      </c>
      <c r="M46" s="7" t="s">
        <v>48</v>
      </c>
    </row>
    <row r="47" spans="1:13" x14ac:dyDescent="0.2">
      <c r="A47" s="23"/>
      <c r="B47" s="26"/>
      <c r="C47" s="9" t="s">
        <v>36</v>
      </c>
      <c r="D47" s="11">
        <v>126869</v>
      </c>
      <c r="E47" s="11">
        <v>16190</v>
      </c>
      <c r="F47" s="11">
        <v>9741</v>
      </c>
      <c r="G47" s="11" t="s">
        <v>48</v>
      </c>
      <c r="H47" s="11">
        <v>22268</v>
      </c>
      <c r="I47" s="11">
        <v>2304</v>
      </c>
      <c r="J47" s="11" t="s">
        <v>48</v>
      </c>
      <c r="K47" s="11">
        <v>76366</v>
      </c>
      <c r="L47" s="11" t="s">
        <v>48</v>
      </c>
      <c r="M47" s="11" t="s">
        <v>48</v>
      </c>
    </row>
    <row r="48" spans="1:13" x14ac:dyDescent="0.2">
      <c r="A48" s="23"/>
      <c r="B48" s="26"/>
      <c r="C48" s="6" t="s">
        <v>37</v>
      </c>
      <c r="D48" s="8">
        <v>61292</v>
      </c>
      <c r="E48" s="8">
        <v>11187</v>
      </c>
      <c r="F48" s="8">
        <v>515</v>
      </c>
      <c r="G48" s="8">
        <v>220</v>
      </c>
      <c r="H48" s="8">
        <v>1477</v>
      </c>
      <c r="I48" s="8">
        <v>8259</v>
      </c>
      <c r="J48" s="8">
        <v>24127</v>
      </c>
      <c r="K48" s="8">
        <v>1641</v>
      </c>
      <c r="L48" s="8">
        <v>13866</v>
      </c>
      <c r="M48" s="8" t="s">
        <v>48</v>
      </c>
    </row>
    <row r="49" spans="1:13" x14ac:dyDescent="0.2">
      <c r="A49" s="24"/>
      <c r="B49" s="27"/>
      <c r="C49" s="12" t="s">
        <v>38</v>
      </c>
      <c r="D49" s="13">
        <v>1559371</v>
      </c>
      <c r="E49" s="13">
        <v>5878</v>
      </c>
      <c r="F49" s="13">
        <v>205</v>
      </c>
      <c r="G49" s="13">
        <v>1122522</v>
      </c>
      <c r="H49" s="13">
        <v>46187</v>
      </c>
      <c r="I49" s="13">
        <v>360002</v>
      </c>
      <c r="J49" s="13">
        <v>18031</v>
      </c>
      <c r="K49" s="13">
        <v>6110</v>
      </c>
      <c r="L49" s="13">
        <v>436</v>
      </c>
      <c r="M49" s="13" t="s">
        <v>48</v>
      </c>
    </row>
    <row r="50" spans="1:13" x14ac:dyDescent="0.2">
      <c r="A50" s="22">
        <v>1995</v>
      </c>
      <c r="B50" s="25" t="s">
        <v>9</v>
      </c>
      <c r="C50" s="5" t="s">
        <v>35</v>
      </c>
      <c r="D50" s="7">
        <v>1519</v>
      </c>
      <c r="E50" s="7">
        <v>1516</v>
      </c>
      <c r="F50" s="7" t="s">
        <v>48</v>
      </c>
      <c r="G50" s="7" t="s">
        <v>48</v>
      </c>
      <c r="H50" s="7" t="s">
        <v>48</v>
      </c>
      <c r="I50" s="7" t="s">
        <v>53</v>
      </c>
      <c r="J50" s="7" t="s">
        <v>48</v>
      </c>
      <c r="K50" s="7" t="s">
        <v>48</v>
      </c>
      <c r="L50" s="7">
        <v>3</v>
      </c>
      <c r="M50" s="7" t="s">
        <v>48</v>
      </c>
    </row>
    <row r="51" spans="1:13" x14ac:dyDescent="0.2">
      <c r="A51" s="23"/>
      <c r="B51" s="26"/>
      <c r="C51" s="9" t="s">
        <v>36</v>
      </c>
      <c r="D51" s="11">
        <v>136421</v>
      </c>
      <c r="E51" s="11">
        <v>21045</v>
      </c>
      <c r="F51" s="11">
        <v>5293</v>
      </c>
      <c r="G51" s="11">
        <v>5294</v>
      </c>
      <c r="H51" s="11">
        <v>16971</v>
      </c>
      <c r="I51" s="11">
        <v>2300</v>
      </c>
      <c r="J51" s="11" t="s">
        <v>48</v>
      </c>
      <c r="K51" s="11">
        <v>67674</v>
      </c>
      <c r="L51" s="11">
        <v>17844</v>
      </c>
      <c r="M51" s="11" t="s">
        <v>48</v>
      </c>
    </row>
    <row r="52" spans="1:13" x14ac:dyDescent="0.2">
      <c r="A52" s="23"/>
      <c r="B52" s="26"/>
      <c r="C52" s="6" t="s">
        <v>37</v>
      </c>
      <c r="D52" s="8">
        <v>53524</v>
      </c>
      <c r="E52" s="8">
        <v>14035</v>
      </c>
      <c r="F52" s="8">
        <v>345</v>
      </c>
      <c r="G52" s="8">
        <v>35</v>
      </c>
      <c r="H52" s="8">
        <v>1475</v>
      </c>
      <c r="I52" s="8">
        <v>8214</v>
      </c>
      <c r="J52" s="8">
        <v>18280</v>
      </c>
      <c r="K52" s="8">
        <v>1670</v>
      </c>
      <c r="L52" s="8">
        <v>9470</v>
      </c>
      <c r="M52" s="8" t="s">
        <v>48</v>
      </c>
    </row>
    <row r="53" spans="1:13" x14ac:dyDescent="0.2">
      <c r="A53" s="24"/>
      <c r="B53" s="27"/>
      <c r="C53" s="12" t="s">
        <v>38</v>
      </c>
      <c r="D53" s="13">
        <v>2073185</v>
      </c>
      <c r="E53" s="13">
        <v>7122</v>
      </c>
      <c r="F53" s="13">
        <v>108</v>
      </c>
      <c r="G53" s="13">
        <v>1461756</v>
      </c>
      <c r="H53" s="13">
        <v>27417</v>
      </c>
      <c r="I53" s="13">
        <v>555976</v>
      </c>
      <c r="J53" s="13">
        <v>14055</v>
      </c>
      <c r="K53" s="13">
        <v>4281</v>
      </c>
      <c r="L53" s="13">
        <v>2470</v>
      </c>
      <c r="M53" s="13" t="s">
        <v>48</v>
      </c>
    </row>
    <row r="54" spans="1:13" x14ac:dyDescent="0.2">
      <c r="A54" s="22">
        <v>1996</v>
      </c>
      <c r="B54" s="25" t="s">
        <v>10</v>
      </c>
      <c r="C54" s="5" t="s">
        <v>35</v>
      </c>
      <c r="D54" s="7">
        <v>8005</v>
      </c>
      <c r="E54" s="7">
        <v>1947</v>
      </c>
      <c r="F54" s="7" t="s">
        <v>48</v>
      </c>
      <c r="G54" s="7" t="s">
        <v>54</v>
      </c>
      <c r="H54" s="7">
        <v>5656</v>
      </c>
      <c r="I54" s="7" t="s">
        <v>48</v>
      </c>
      <c r="J54" s="7" t="s">
        <v>48</v>
      </c>
      <c r="K54" s="7">
        <v>44</v>
      </c>
      <c r="L54" s="7">
        <v>108</v>
      </c>
      <c r="M54" s="7" t="s">
        <v>48</v>
      </c>
    </row>
    <row r="55" spans="1:13" x14ac:dyDescent="0.2">
      <c r="A55" s="23"/>
      <c r="B55" s="26"/>
      <c r="C55" s="9" t="s">
        <v>36</v>
      </c>
      <c r="D55" s="11">
        <v>138967</v>
      </c>
      <c r="E55" s="11">
        <v>23534</v>
      </c>
      <c r="F55" s="11" t="s">
        <v>48</v>
      </c>
      <c r="G55" s="11">
        <v>11453</v>
      </c>
      <c r="H55" s="11">
        <v>7286</v>
      </c>
      <c r="I55" s="11">
        <v>4652</v>
      </c>
      <c r="J55" s="11" t="s">
        <v>48</v>
      </c>
      <c r="K55" s="11">
        <v>92042</v>
      </c>
      <c r="L55" s="11" t="s">
        <v>48</v>
      </c>
      <c r="M55" s="11" t="s">
        <v>48</v>
      </c>
    </row>
    <row r="56" spans="1:13" x14ac:dyDescent="0.2">
      <c r="A56" s="23"/>
      <c r="B56" s="26"/>
      <c r="C56" s="6" t="s">
        <v>37</v>
      </c>
      <c r="D56" s="8">
        <v>54081</v>
      </c>
      <c r="E56" s="8">
        <v>13440</v>
      </c>
      <c r="F56" s="8">
        <v>135</v>
      </c>
      <c r="G56" s="8">
        <v>215</v>
      </c>
      <c r="H56" s="8">
        <v>575</v>
      </c>
      <c r="I56" s="8">
        <v>7384</v>
      </c>
      <c r="J56" s="8">
        <v>15553</v>
      </c>
      <c r="K56" s="8">
        <v>6729</v>
      </c>
      <c r="L56" s="8">
        <v>10050</v>
      </c>
      <c r="M56" s="8" t="s">
        <v>48</v>
      </c>
    </row>
    <row r="57" spans="1:13" x14ac:dyDescent="0.2">
      <c r="A57" s="24"/>
      <c r="B57" s="27"/>
      <c r="C57" s="12" t="s">
        <v>38</v>
      </c>
      <c r="D57" s="13">
        <v>2294661</v>
      </c>
      <c r="E57" s="13">
        <v>6556</v>
      </c>
      <c r="F57" s="13">
        <v>54</v>
      </c>
      <c r="G57" s="13">
        <v>1519816</v>
      </c>
      <c r="H57" s="13">
        <v>45104</v>
      </c>
      <c r="I57" s="13">
        <v>696324</v>
      </c>
      <c r="J57" s="13">
        <v>12299</v>
      </c>
      <c r="K57" s="13">
        <v>4554</v>
      </c>
      <c r="L57" s="13">
        <v>9954</v>
      </c>
      <c r="M57" s="13" t="s">
        <v>48</v>
      </c>
    </row>
    <row r="58" spans="1:13" x14ac:dyDescent="0.2">
      <c r="A58" s="22">
        <v>1997</v>
      </c>
      <c r="B58" s="25" t="s">
        <v>11</v>
      </c>
      <c r="C58" s="5" t="s">
        <v>35</v>
      </c>
      <c r="D58" s="7">
        <v>11631</v>
      </c>
      <c r="E58" s="7">
        <v>2294</v>
      </c>
      <c r="F58" s="7" t="s">
        <v>54</v>
      </c>
      <c r="G58" s="7" t="s">
        <v>54</v>
      </c>
      <c r="H58" s="7">
        <v>75</v>
      </c>
      <c r="I58" s="7">
        <v>263</v>
      </c>
      <c r="J58" s="7">
        <v>3058</v>
      </c>
      <c r="K58" s="7">
        <v>18</v>
      </c>
      <c r="L58" s="7">
        <v>5923</v>
      </c>
      <c r="M58" s="7" t="s">
        <v>54</v>
      </c>
    </row>
    <row r="59" spans="1:13" x14ac:dyDescent="0.2">
      <c r="A59" s="23"/>
      <c r="B59" s="26"/>
      <c r="C59" s="9" t="s">
        <v>36</v>
      </c>
      <c r="D59" s="11">
        <v>125384</v>
      </c>
      <c r="E59" s="11">
        <v>27185</v>
      </c>
      <c r="F59" s="11">
        <v>4324</v>
      </c>
      <c r="G59" s="11" t="s">
        <v>48</v>
      </c>
      <c r="H59" s="11">
        <v>14655</v>
      </c>
      <c r="I59" s="11">
        <v>4337</v>
      </c>
      <c r="J59" s="11">
        <v>546</v>
      </c>
      <c r="K59" s="11">
        <v>71209</v>
      </c>
      <c r="L59" s="11">
        <v>3128</v>
      </c>
      <c r="M59" s="11" t="s">
        <v>48</v>
      </c>
    </row>
    <row r="60" spans="1:13" x14ac:dyDescent="0.2">
      <c r="A60" s="23"/>
      <c r="B60" s="26"/>
      <c r="C60" s="6" t="s">
        <v>37</v>
      </c>
      <c r="D60" s="8">
        <v>76467</v>
      </c>
      <c r="E60" s="8">
        <v>9205</v>
      </c>
      <c r="F60" s="8" t="s">
        <v>54</v>
      </c>
      <c r="G60" s="8">
        <v>8811</v>
      </c>
      <c r="H60" s="8">
        <v>665</v>
      </c>
      <c r="I60" s="8">
        <v>6537</v>
      </c>
      <c r="J60" s="8">
        <v>14669</v>
      </c>
      <c r="K60" s="8">
        <v>4611</v>
      </c>
      <c r="L60" s="8">
        <v>31969</v>
      </c>
      <c r="M60" s="8" t="s">
        <v>54</v>
      </c>
    </row>
    <row r="61" spans="1:13" x14ac:dyDescent="0.2">
      <c r="A61" s="24"/>
      <c r="B61" s="27"/>
      <c r="C61" s="12" t="s">
        <v>38</v>
      </c>
      <c r="D61" s="13">
        <v>2298949</v>
      </c>
      <c r="E61" s="13">
        <v>4560</v>
      </c>
      <c r="F61" s="13" t="s">
        <v>54</v>
      </c>
      <c r="G61" s="13">
        <v>1131694</v>
      </c>
      <c r="H61" s="13">
        <v>33087</v>
      </c>
      <c r="I61" s="13">
        <v>978701</v>
      </c>
      <c r="J61" s="13">
        <v>12198</v>
      </c>
      <c r="K61" s="13">
        <v>4364</v>
      </c>
      <c r="L61" s="13">
        <v>134345</v>
      </c>
      <c r="M61" s="13" t="s">
        <v>54</v>
      </c>
    </row>
    <row r="62" spans="1:13" x14ac:dyDescent="0.2">
      <c r="A62" s="22">
        <v>1998</v>
      </c>
      <c r="B62" s="25" t="s">
        <v>12</v>
      </c>
      <c r="C62" s="5" t="s">
        <v>35</v>
      </c>
      <c r="D62" s="7">
        <v>44263</v>
      </c>
      <c r="E62" s="7">
        <v>1468</v>
      </c>
      <c r="F62" s="7" t="s">
        <v>54</v>
      </c>
      <c r="G62" s="7" t="s">
        <v>54</v>
      </c>
      <c r="H62" s="7">
        <v>349</v>
      </c>
      <c r="I62" s="7">
        <v>788</v>
      </c>
      <c r="J62" s="7">
        <v>4870</v>
      </c>
      <c r="K62" s="7">
        <v>63</v>
      </c>
      <c r="L62" s="7">
        <v>36725</v>
      </c>
      <c r="M62" s="7" t="s">
        <v>48</v>
      </c>
    </row>
    <row r="63" spans="1:13" x14ac:dyDescent="0.2">
      <c r="A63" s="23"/>
      <c r="B63" s="26"/>
      <c r="C63" s="9" t="s">
        <v>36</v>
      </c>
      <c r="D63" s="11">
        <v>116197</v>
      </c>
      <c r="E63" s="11">
        <v>28646</v>
      </c>
      <c r="F63" s="11">
        <v>1162</v>
      </c>
      <c r="G63" s="11">
        <v>478</v>
      </c>
      <c r="H63" s="11">
        <v>4229</v>
      </c>
      <c r="I63" s="11">
        <v>10206</v>
      </c>
      <c r="J63" s="11">
        <v>1270</v>
      </c>
      <c r="K63" s="11">
        <v>66091</v>
      </c>
      <c r="L63" s="11">
        <v>4115</v>
      </c>
      <c r="M63" s="11" t="s">
        <v>54</v>
      </c>
    </row>
    <row r="64" spans="1:13" x14ac:dyDescent="0.2">
      <c r="A64" s="23"/>
      <c r="B64" s="26"/>
      <c r="C64" s="6" t="s">
        <v>37</v>
      </c>
      <c r="D64" s="8">
        <v>69904</v>
      </c>
      <c r="E64" s="8">
        <v>14035</v>
      </c>
      <c r="F64" s="8">
        <v>145</v>
      </c>
      <c r="G64" s="8">
        <v>16328</v>
      </c>
      <c r="H64" s="8">
        <v>830</v>
      </c>
      <c r="I64" s="8">
        <v>7586</v>
      </c>
      <c r="J64" s="8">
        <v>14427</v>
      </c>
      <c r="K64" s="8">
        <v>3148</v>
      </c>
      <c r="L64" s="8">
        <v>13405</v>
      </c>
      <c r="M64" s="8" t="s">
        <v>54</v>
      </c>
    </row>
    <row r="65" spans="1:13" x14ac:dyDescent="0.2">
      <c r="A65" s="24"/>
      <c r="B65" s="27"/>
      <c r="C65" s="12" t="s">
        <v>38</v>
      </c>
      <c r="D65" s="13">
        <v>2139850</v>
      </c>
      <c r="E65" s="13">
        <v>1691</v>
      </c>
      <c r="F65" s="13">
        <v>65</v>
      </c>
      <c r="G65" s="13">
        <v>809232</v>
      </c>
      <c r="H65" s="13">
        <v>1400</v>
      </c>
      <c r="I65" s="13">
        <v>1304812</v>
      </c>
      <c r="J65" s="13">
        <v>12458</v>
      </c>
      <c r="K65" s="13">
        <v>3720</v>
      </c>
      <c r="L65" s="13">
        <v>6472</v>
      </c>
      <c r="M65" s="13" t="s">
        <v>54</v>
      </c>
    </row>
    <row r="66" spans="1:13" x14ac:dyDescent="0.2">
      <c r="A66" s="22">
        <v>1999</v>
      </c>
      <c r="B66" s="25" t="s">
        <v>13</v>
      </c>
      <c r="C66" s="5" t="s">
        <v>35</v>
      </c>
      <c r="D66" s="7">
        <v>30229</v>
      </c>
      <c r="E66" s="7">
        <v>610</v>
      </c>
      <c r="F66" s="7" t="s">
        <v>54</v>
      </c>
      <c r="G66" s="7" t="s">
        <v>48</v>
      </c>
      <c r="H66" s="7">
        <v>877</v>
      </c>
      <c r="I66" s="7">
        <v>1219</v>
      </c>
      <c r="J66" s="7">
        <v>6633</v>
      </c>
      <c r="K66" s="7">
        <v>506</v>
      </c>
      <c r="L66" s="7">
        <v>20384</v>
      </c>
      <c r="M66" s="7" t="s">
        <v>54</v>
      </c>
    </row>
    <row r="67" spans="1:13" x14ac:dyDescent="0.2">
      <c r="A67" s="23"/>
      <c r="B67" s="26"/>
      <c r="C67" s="9" t="s">
        <v>36</v>
      </c>
      <c r="D67" s="11">
        <v>304370</v>
      </c>
      <c r="E67" s="11">
        <v>32701</v>
      </c>
      <c r="F67" s="11">
        <v>390</v>
      </c>
      <c r="G67" s="11">
        <v>32787</v>
      </c>
      <c r="H67" s="11">
        <v>16897</v>
      </c>
      <c r="I67" s="11">
        <v>150680</v>
      </c>
      <c r="J67" s="11">
        <v>7235</v>
      </c>
      <c r="K67" s="11">
        <v>62291</v>
      </c>
      <c r="L67" s="11">
        <v>1389</v>
      </c>
      <c r="M67" s="11" t="s">
        <v>48</v>
      </c>
    </row>
    <row r="68" spans="1:13" x14ac:dyDescent="0.2">
      <c r="A68" s="23"/>
      <c r="B68" s="26"/>
      <c r="C68" s="6" t="s">
        <v>37</v>
      </c>
      <c r="D68" s="8">
        <v>37556</v>
      </c>
      <c r="E68" s="8">
        <v>455</v>
      </c>
      <c r="F68" s="8">
        <v>5</v>
      </c>
      <c r="G68" s="8">
        <v>1438</v>
      </c>
      <c r="H68" s="8">
        <v>10</v>
      </c>
      <c r="I68" s="8">
        <v>16222</v>
      </c>
      <c r="J68" s="8">
        <v>7478</v>
      </c>
      <c r="K68" s="8">
        <v>6781</v>
      </c>
      <c r="L68" s="8">
        <v>5167</v>
      </c>
      <c r="M68" s="8" t="s">
        <v>55</v>
      </c>
    </row>
    <row r="69" spans="1:13" x14ac:dyDescent="0.2">
      <c r="A69" s="24"/>
      <c r="B69" s="27"/>
      <c r="C69" s="12" t="s">
        <v>38</v>
      </c>
      <c r="D69" s="13">
        <v>2247318</v>
      </c>
      <c r="E69" s="13">
        <v>1097</v>
      </c>
      <c r="F69" s="13" t="s">
        <v>56</v>
      </c>
      <c r="G69" s="13">
        <v>928538</v>
      </c>
      <c r="H69" s="13">
        <v>8855</v>
      </c>
      <c r="I69" s="13">
        <v>1298291</v>
      </c>
      <c r="J69" s="13">
        <v>10337</v>
      </c>
      <c r="K69" s="13">
        <v>10</v>
      </c>
      <c r="L69" s="13">
        <v>190</v>
      </c>
      <c r="M69" s="13" t="s">
        <v>54</v>
      </c>
    </row>
    <row r="70" spans="1:13" x14ac:dyDescent="0.2">
      <c r="A70" s="22">
        <v>2000</v>
      </c>
      <c r="B70" s="25" t="s">
        <v>14</v>
      </c>
      <c r="C70" s="5" t="s">
        <v>35</v>
      </c>
      <c r="D70" s="7">
        <v>23139</v>
      </c>
      <c r="E70" s="7">
        <v>675</v>
      </c>
      <c r="F70" s="7" t="s">
        <v>54</v>
      </c>
      <c r="G70" s="7" t="s">
        <v>54</v>
      </c>
      <c r="H70" s="7">
        <v>1712</v>
      </c>
      <c r="I70" s="7">
        <v>883</v>
      </c>
      <c r="J70" s="7">
        <v>8088</v>
      </c>
      <c r="K70" s="7">
        <v>1140</v>
      </c>
      <c r="L70" s="7">
        <v>10641</v>
      </c>
      <c r="M70" s="7" t="s">
        <v>54</v>
      </c>
    </row>
    <row r="71" spans="1:13" x14ac:dyDescent="0.2">
      <c r="A71" s="23"/>
      <c r="B71" s="26"/>
      <c r="C71" s="9" t="s">
        <v>36</v>
      </c>
      <c r="D71" s="11">
        <v>403130</v>
      </c>
      <c r="E71" s="11">
        <v>35399</v>
      </c>
      <c r="F71" s="11">
        <v>971</v>
      </c>
      <c r="G71" s="11">
        <v>31820</v>
      </c>
      <c r="H71" s="11">
        <v>28996</v>
      </c>
      <c r="I71" s="11">
        <v>242271</v>
      </c>
      <c r="J71" s="11">
        <v>8953</v>
      </c>
      <c r="K71" s="11">
        <v>50929</v>
      </c>
      <c r="L71" s="11">
        <v>3791</v>
      </c>
      <c r="M71" s="11" t="s">
        <v>54</v>
      </c>
    </row>
    <row r="72" spans="1:13" x14ac:dyDescent="0.2">
      <c r="A72" s="23"/>
      <c r="B72" s="26"/>
      <c r="C72" s="6" t="s">
        <v>37</v>
      </c>
      <c r="D72" s="8">
        <v>53250</v>
      </c>
      <c r="E72" s="8" t="s">
        <v>48</v>
      </c>
      <c r="F72" s="8" t="s">
        <v>54</v>
      </c>
      <c r="G72" s="8">
        <v>9598</v>
      </c>
      <c r="H72" s="8">
        <v>4006</v>
      </c>
      <c r="I72" s="8">
        <v>26273</v>
      </c>
      <c r="J72" s="8">
        <v>5148</v>
      </c>
      <c r="K72" s="8">
        <v>5567</v>
      </c>
      <c r="L72" s="8">
        <v>2658</v>
      </c>
      <c r="M72" s="8" t="s">
        <v>48</v>
      </c>
    </row>
    <row r="73" spans="1:13" x14ac:dyDescent="0.2">
      <c r="A73" s="24"/>
      <c r="B73" s="27"/>
      <c r="C73" s="12" t="s">
        <v>38</v>
      </c>
      <c r="D73" s="13">
        <v>2422394</v>
      </c>
      <c r="E73" s="13">
        <v>1190</v>
      </c>
      <c r="F73" s="13" t="s">
        <v>54</v>
      </c>
      <c r="G73" s="13">
        <v>865229</v>
      </c>
      <c r="H73" s="13">
        <v>9543</v>
      </c>
      <c r="I73" s="13">
        <v>1536243</v>
      </c>
      <c r="J73" s="13">
        <v>10189</v>
      </c>
      <c r="K73" s="13" t="s">
        <v>48</v>
      </c>
      <c r="L73" s="13" t="s">
        <v>48</v>
      </c>
      <c r="M73" s="13" t="s">
        <v>54</v>
      </c>
    </row>
    <row r="74" spans="1:13" x14ac:dyDescent="0.2">
      <c r="A74" s="22">
        <v>2001</v>
      </c>
      <c r="B74" s="25" t="s">
        <v>15</v>
      </c>
      <c r="C74" s="5" t="s">
        <v>35</v>
      </c>
      <c r="D74" s="7">
        <v>150744</v>
      </c>
      <c r="E74" s="7">
        <v>27774</v>
      </c>
      <c r="F74" s="7" t="s">
        <v>54</v>
      </c>
      <c r="G74" s="7" t="s">
        <v>54</v>
      </c>
      <c r="H74" s="7">
        <v>62624</v>
      </c>
      <c r="I74" s="7">
        <v>1003</v>
      </c>
      <c r="J74" s="7">
        <v>12777</v>
      </c>
      <c r="K74" s="7">
        <v>781</v>
      </c>
      <c r="L74" s="7">
        <v>45785</v>
      </c>
      <c r="M74" s="7" t="s">
        <v>48</v>
      </c>
    </row>
    <row r="75" spans="1:13" x14ac:dyDescent="0.2">
      <c r="A75" s="23"/>
      <c r="B75" s="26"/>
      <c r="C75" s="9" t="s">
        <v>36</v>
      </c>
      <c r="D75" s="11">
        <v>524678</v>
      </c>
      <c r="E75" s="11">
        <v>45234</v>
      </c>
      <c r="F75" s="11">
        <v>2237</v>
      </c>
      <c r="G75" s="11">
        <v>36792</v>
      </c>
      <c r="H75" s="11">
        <v>21792</v>
      </c>
      <c r="I75" s="11">
        <v>366349</v>
      </c>
      <c r="J75" s="11">
        <v>9999</v>
      </c>
      <c r="K75" s="11">
        <v>39489</v>
      </c>
      <c r="L75" s="11">
        <v>2857</v>
      </c>
      <c r="M75" s="11" t="s">
        <v>54</v>
      </c>
    </row>
    <row r="76" spans="1:13" x14ac:dyDescent="0.2">
      <c r="A76" s="23"/>
      <c r="B76" s="26"/>
      <c r="C76" s="6" t="s">
        <v>37</v>
      </c>
      <c r="D76" s="8">
        <v>39165</v>
      </c>
      <c r="E76" s="8" t="s">
        <v>54</v>
      </c>
      <c r="F76" s="8" t="s">
        <v>54</v>
      </c>
      <c r="G76" s="8">
        <v>6315</v>
      </c>
      <c r="H76" s="8" t="s">
        <v>48</v>
      </c>
      <c r="I76" s="8">
        <v>22645</v>
      </c>
      <c r="J76" s="8">
        <v>4146</v>
      </c>
      <c r="K76" s="8">
        <v>6059</v>
      </c>
      <c r="L76" s="8" t="s">
        <v>48</v>
      </c>
      <c r="M76" s="8" t="s">
        <v>54</v>
      </c>
    </row>
    <row r="77" spans="1:13" x14ac:dyDescent="0.2">
      <c r="A77" s="24"/>
      <c r="B77" s="27"/>
      <c r="C77" s="12" t="s">
        <v>38</v>
      </c>
      <c r="D77" s="13">
        <v>2723940</v>
      </c>
      <c r="E77" s="13">
        <v>753</v>
      </c>
      <c r="F77" s="13" t="s">
        <v>54</v>
      </c>
      <c r="G77" s="13">
        <v>1020196</v>
      </c>
      <c r="H77" s="13">
        <v>5758</v>
      </c>
      <c r="I77" s="13">
        <v>1687168</v>
      </c>
      <c r="J77" s="13">
        <v>9572</v>
      </c>
      <c r="K77" s="13">
        <v>493</v>
      </c>
      <c r="L77" s="13" t="s">
        <v>54</v>
      </c>
      <c r="M77" s="13" t="s">
        <v>48</v>
      </c>
    </row>
    <row r="78" spans="1:13" x14ac:dyDescent="0.2">
      <c r="A78" s="22">
        <v>2002</v>
      </c>
      <c r="B78" s="25" t="s">
        <v>16</v>
      </c>
      <c r="C78" s="5" t="s">
        <v>35</v>
      </c>
      <c r="D78" s="7">
        <v>272300</v>
      </c>
      <c r="E78" s="7">
        <v>2909</v>
      </c>
      <c r="F78" s="7">
        <v>377</v>
      </c>
      <c r="G78" s="7" t="s">
        <v>48</v>
      </c>
      <c r="H78" s="7">
        <v>111896</v>
      </c>
      <c r="I78" s="7">
        <v>1108</v>
      </c>
      <c r="J78" s="7">
        <v>16258</v>
      </c>
      <c r="K78" s="7">
        <v>816</v>
      </c>
      <c r="L78" s="7">
        <v>138936</v>
      </c>
      <c r="M78" s="7" t="s">
        <v>54</v>
      </c>
    </row>
    <row r="79" spans="1:13" x14ac:dyDescent="0.2">
      <c r="A79" s="23"/>
      <c r="B79" s="26"/>
      <c r="C79" s="9" t="s">
        <v>36</v>
      </c>
      <c r="D79" s="11">
        <v>423721</v>
      </c>
      <c r="E79" s="11">
        <v>57459</v>
      </c>
      <c r="F79" s="11">
        <v>2290</v>
      </c>
      <c r="G79" s="11">
        <v>12984</v>
      </c>
      <c r="H79" s="11">
        <v>19336</v>
      </c>
      <c r="I79" s="11">
        <v>268644</v>
      </c>
      <c r="J79" s="11">
        <v>10193</v>
      </c>
      <c r="K79" s="11">
        <v>49986</v>
      </c>
      <c r="L79" s="11">
        <v>2829</v>
      </c>
      <c r="M79" s="11" t="s">
        <v>54</v>
      </c>
    </row>
    <row r="80" spans="1:13" x14ac:dyDescent="0.2">
      <c r="A80" s="23"/>
      <c r="B80" s="26"/>
      <c r="C80" s="6" t="s">
        <v>37</v>
      </c>
      <c r="D80" s="8">
        <v>39476</v>
      </c>
      <c r="E80" s="8" t="s">
        <v>48</v>
      </c>
      <c r="F80" s="8" t="s">
        <v>56</v>
      </c>
      <c r="G80" s="8">
        <v>867</v>
      </c>
      <c r="H80" s="8">
        <v>375</v>
      </c>
      <c r="I80" s="8">
        <v>24240</v>
      </c>
      <c r="J80" s="8">
        <v>4216</v>
      </c>
      <c r="K80" s="8">
        <v>3247</v>
      </c>
      <c r="L80" s="8">
        <v>6531</v>
      </c>
      <c r="M80" s="8" t="s">
        <v>54</v>
      </c>
    </row>
    <row r="81" spans="1:13" x14ac:dyDescent="0.2">
      <c r="A81" s="24"/>
      <c r="B81" s="27"/>
      <c r="C81" s="12" t="s">
        <v>38</v>
      </c>
      <c r="D81" s="13">
        <v>2541275</v>
      </c>
      <c r="E81" s="13">
        <v>1047</v>
      </c>
      <c r="F81" s="13" t="s">
        <v>54</v>
      </c>
      <c r="G81" s="13">
        <v>888858</v>
      </c>
      <c r="H81" s="13">
        <v>14086</v>
      </c>
      <c r="I81" s="13">
        <v>1627268</v>
      </c>
      <c r="J81" s="13">
        <v>9316</v>
      </c>
      <c r="K81" s="13" t="s">
        <v>54</v>
      </c>
      <c r="L81" s="13">
        <v>700</v>
      </c>
      <c r="M81" s="13" t="s">
        <v>54</v>
      </c>
    </row>
    <row r="82" spans="1:13" x14ac:dyDescent="0.2">
      <c r="A82" s="22">
        <v>2003</v>
      </c>
      <c r="B82" s="25" t="s">
        <v>17</v>
      </c>
      <c r="C82" s="5" t="s">
        <v>35</v>
      </c>
      <c r="D82" s="7">
        <v>282029</v>
      </c>
      <c r="E82" s="7">
        <v>11375</v>
      </c>
      <c r="F82" s="7">
        <v>542</v>
      </c>
      <c r="G82" s="7" t="s">
        <v>54</v>
      </c>
      <c r="H82" s="7">
        <v>132232</v>
      </c>
      <c r="I82" s="7">
        <v>1546</v>
      </c>
      <c r="J82" s="7">
        <v>16076</v>
      </c>
      <c r="K82" s="7">
        <v>650</v>
      </c>
      <c r="L82" s="7">
        <v>119608</v>
      </c>
      <c r="M82" s="7" t="s">
        <v>54</v>
      </c>
    </row>
    <row r="83" spans="1:13" x14ac:dyDescent="0.2">
      <c r="A83" s="23"/>
      <c r="B83" s="26"/>
      <c r="C83" s="9" t="s">
        <v>36</v>
      </c>
      <c r="D83" s="11">
        <v>545708</v>
      </c>
      <c r="E83" s="11">
        <v>79900</v>
      </c>
      <c r="F83" s="11">
        <v>2826</v>
      </c>
      <c r="G83" s="11">
        <v>30071</v>
      </c>
      <c r="H83" s="11">
        <v>19654</v>
      </c>
      <c r="I83" s="11">
        <v>348885</v>
      </c>
      <c r="J83" s="11">
        <v>15653</v>
      </c>
      <c r="K83" s="11">
        <v>43504</v>
      </c>
      <c r="L83" s="11">
        <v>5215</v>
      </c>
      <c r="M83" s="11" t="s">
        <v>48</v>
      </c>
    </row>
    <row r="84" spans="1:13" x14ac:dyDescent="0.2">
      <c r="A84" s="23"/>
      <c r="B84" s="26"/>
      <c r="C84" s="6" t="s">
        <v>37</v>
      </c>
      <c r="D84" s="8">
        <v>63622</v>
      </c>
      <c r="E84" s="8" t="s">
        <v>48</v>
      </c>
      <c r="F84" s="8" t="s">
        <v>54</v>
      </c>
      <c r="G84" s="8">
        <v>22496</v>
      </c>
      <c r="H84" s="8" t="s">
        <v>54</v>
      </c>
      <c r="I84" s="8">
        <v>25691</v>
      </c>
      <c r="J84" s="8">
        <v>5868</v>
      </c>
      <c r="K84" s="8" t="s">
        <v>54</v>
      </c>
      <c r="L84" s="8">
        <v>9567</v>
      </c>
      <c r="M84" s="8" t="s">
        <v>54</v>
      </c>
    </row>
    <row r="85" spans="1:13" x14ac:dyDescent="0.2">
      <c r="A85" s="24"/>
      <c r="B85" s="27"/>
      <c r="C85" s="12" t="s">
        <v>38</v>
      </c>
      <c r="D85" s="13">
        <v>2470744</v>
      </c>
      <c r="E85" s="13">
        <v>1287</v>
      </c>
      <c r="F85" s="13" t="s">
        <v>48</v>
      </c>
      <c r="G85" s="13">
        <v>823573</v>
      </c>
      <c r="H85" s="13">
        <v>5251</v>
      </c>
      <c r="I85" s="13">
        <v>1628752</v>
      </c>
      <c r="J85" s="13">
        <v>11581</v>
      </c>
      <c r="K85" s="13" t="s">
        <v>54</v>
      </c>
      <c r="L85" s="13">
        <v>300</v>
      </c>
      <c r="M85" s="13" t="s">
        <v>54</v>
      </c>
    </row>
    <row r="86" spans="1:13" x14ac:dyDescent="0.2">
      <c r="A86" s="22">
        <v>2004</v>
      </c>
      <c r="B86" s="25" t="s">
        <v>18</v>
      </c>
      <c r="C86" s="5" t="s">
        <v>35</v>
      </c>
      <c r="D86" s="7">
        <v>326701</v>
      </c>
      <c r="E86" s="7">
        <v>8449</v>
      </c>
      <c r="F86" s="7">
        <v>134</v>
      </c>
      <c r="G86" s="7">
        <v>18</v>
      </c>
      <c r="H86" s="7">
        <v>119457</v>
      </c>
      <c r="I86" s="7">
        <v>1762</v>
      </c>
      <c r="J86" s="7">
        <v>14659</v>
      </c>
      <c r="K86" s="7">
        <v>1006</v>
      </c>
      <c r="L86" s="7">
        <v>181216</v>
      </c>
      <c r="M86" s="7" t="s">
        <v>54</v>
      </c>
    </row>
    <row r="87" spans="1:13" x14ac:dyDescent="0.2">
      <c r="A87" s="23"/>
      <c r="B87" s="26"/>
      <c r="C87" s="9" t="s">
        <v>36</v>
      </c>
      <c r="D87" s="11">
        <v>382498</v>
      </c>
      <c r="E87" s="11">
        <v>68625</v>
      </c>
      <c r="F87" s="11">
        <v>2451</v>
      </c>
      <c r="G87" s="11">
        <v>1401</v>
      </c>
      <c r="H87" s="11">
        <v>31371</v>
      </c>
      <c r="I87" s="11">
        <v>214646</v>
      </c>
      <c r="J87" s="11">
        <v>19264</v>
      </c>
      <c r="K87" s="11">
        <v>38736</v>
      </c>
      <c r="L87" s="11">
        <v>6004</v>
      </c>
      <c r="M87" s="11" t="s">
        <v>48</v>
      </c>
    </row>
    <row r="88" spans="1:13" x14ac:dyDescent="0.2">
      <c r="A88" s="23"/>
      <c r="B88" s="26"/>
      <c r="C88" s="6" t="s">
        <v>37</v>
      </c>
      <c r="D88" s="8">
        <v>62639</v>
      </c>
      <c r="E88" s="8"/>
      <c r="F88" s="8" t="s">
        <v>54</v>
      </c>
      <c r="G88" s="8">
        <v>22938</v>
      </c>
      <c r="H88" s="8" t="s">
        <v>54</v>
      </c>
      <c r="I88" s="8">
        <v>11014</v>
      </c>
      <c r="J88" s="8">
        <v>5164</v>
      </c>
      <c r="K88" s="8" t="s">
        <v>54</v>
      </c>
      <c r="L88" s="8">
        <v>23523</v>
      </c>
      <c r="M88" s="8" t="s">
        <v>54</v>
      </c>
    </row>
    <row r="89" spans="1:13" x14ac:dyDescent="0.2">
      <c r="A89" s="24"/>
      <c r="B89" s="27"/>
      <c r="C89" s="12" t="s">
        <v>38</v>
      </c>
      <c r="D89" s="13">
        <v>2518816</v>
      </c>
      <c r="E89" s="13">
        <v>2237</v>
      </c>
      <c r="F89" s="13" t="s">
        <v>54</v>
      </c>
      <c r="G89" s="13">
        <v>842319</v>
      </c>
      <c r="H89" s="13">
        <v>3086</v>
      </c>
      <c r="I89" s="13">
        <v>1656441</v>
      </c>
      <c r="J89" s="13">
        <v>12143</v>
      </c>
      <c r="K89" s="13" t="s">
        <v>54</v>
      </c>
      <c r="L89" s="13">
        <v>2590</v>
      </c>
      <c r="M89" s="13" t="s">
        <v>54</v>
      </c>
    </row>
    <row r="90" spans="1:13" x14ac:dyDescent="0.2">
      <c r="A90" s="22">
        <v>2005</v>
      </c>
      <c r="B90" s="25" t="s">
        <v>19</v>
      </c>
      <c r="C90" s="5" t="s">
        <v>35</v>
      </c>
      <c r="D90" s="7">
        <v>415393</v>
      </c>
      <c r="E90" s="7">
        <v>12119</v>
      </c>
      <c r="F90" s="7">
        <v>8</v>
      </c>
      <c r="G90" s="7">
        <v>14</v>
      </c>
      <c r="H90" s="7">
        <v>105275</v>
      </c>
      <c r="I90" s="7">
        <v>39217</v>
      </c>
      <c r="J90" s="7">
        <v>5773</v>
      </c>
      <c r="K90" s="7">
        <v>1436</v>
      </c>
      <c r="L90" s="7">
        <v>251551</v>
      </c>
      <c r="M90" s="7" t="s">
        <v>54</v>
      </c>
    </row>
    <row r="91" spans="1:13" x14ac:dyDescent="0.2">
      <c r="A91" s="23"/>
      <c r="B91" s="26"/>
      <c r="C91" s="9" t="s">
        <v>36</v>
      </c>
      <c r="D91" s="11">
        <v>353392</v>
      </c>
      <c r="E91" s="11">
        <v>84761</v>
      </c>
      <c r="F91" s="11">
        <v>2784</v>
      </c>
      <c r="G91" s="11">
        <v>852</v>
      </c>
      <c r="H91" s="11">
        <v>22488</v>
      </c>
      <c r="I91" s="11">
        <v>186564</v>
      </c>
      <c r="J91" s="11">
        <v>21867</v>
      </c>
      <c r="K91" s="11">
        <v>29334</v>
      </c>
      <c r="L91" s="11">
        <v>4742</v>
      </c>
      <c r="M91" s="11" t="s">
        <v>54</v>
      </c>
    </row>
    <row r="92" spans="1:13" x14ac:dyDescent="0.2">
      <c r="A92" s="23"/>
      <c r="B92" s="26"/>
      <c r="C92" s="6" t="s">
        <v>37</v>
      </c>
      <c r="D92" s="8">
        <v>41014</v>
      </c>
      <c r="E92" s="8" t="s">
        <v>48</v>
      </c>
      <c r="F92" s="8" t="s">
        <v>54</v>
      </c>
      <c r="G92" s="8">
        <v>1682</v>
      </c>
      <c r="H92" s="8">
        <v>750</v>
      </c>
      <c r="I92" s="8">
        <v>8437</v>
      </c>
      <c r="J92" s="8">
        <v>8181</v>
      </c>
      <c r="K92" s="8" t="s">
        <v>48</v>
      </c>
      <c r="L92" s="8">
        <v>21964</v>
      </c>
      <c r="M92" s="8" t="s">
        <v>48</v>
      </c>
    </row>
    <row r="93" spans="1:13" x14ac:dyDescent="0.2">
      <c r="A93" s="24"/>
      <c r="B93" s="27"/>
      <c r="C93" s="12" t="s">
        <v>38</v>
      </c>
      <c r="D93" s="13">
        <v>2676108</v>
      </c>
      <c r="E93" s="13">
        <v>1053</v>
      </c>
      <c r="F93" s="13" t="s">
        <v>54</v>
      </c>
      <c r="G93" s="13">
        <v>1035721</v>
      </c>
      <c r="H93" s="13">
        <v>1673</v>
      </c>
      <c r="I93" s="13">
        <v>1626597</v>
      </c>
      <c r="J93" s="13">
        <v>9275</v>
      </c>
      <c r="K93" s="13" t="s">
        <v>48</v>
      </c>
      <c r="L93" s="13">
        <v>1789</v>
      </c>
      <c r="M93" s="13" t="s">
        <v>54</v>
      </c>
    </row>
    <row r="94" spans="1:13" x14ac:dyDescent="0.2">
      <c r="A94" s="22">
        <v>2006</v>
      </c>
      <c r="B94" s="25" t="s">
        <v>20</v>
      </c>
      <c r="C94" s="5" t="s">
        <v>35</v>
      </c>
      <c r="D94" s="7">
        <v>385068</v>
      </c>
      <c r="E94" s="7">
        <v>23874</v>
      </c>
      <c r="F94" s="7">
        <v>24</v>
      </c>
      <c r="G94" s="7" t="s">
        <v>54</v>
      </c>
      <c r="H94" s="7">
        <v>118955</v>
      </c>
      <c r="I94" s="7">
        <v>23926</v>
      </c>
      <c r="J94" s="7">
        <v>4866</v>
      </c>
      <c r="K94" s="7">
        <v>1480</v>
      </c>
      <c r="L94" s="7">
        <v>211943</v>
      </c>
      <c r="M94" s="7" t="s">
        <v>54</v>
      </c>
    </row>
    <row r="95" spans="1:13" x14ac:dyDescent="0.2">
      <c r="A95" s="23"/>
      <c r="B95" s="26"/>
      <c r="C95" s="9" t="s">
        <v>36</v>
      </c>
      <c r="D95" s="11">
        <v>447577</v>
      </c>
      <c r="E95" s="11">
        <v>88634</v>
      </c>
      <c r="F95" s="11">
        <v>86310</v>
      </c>
      <c r="G95" s="11">
        <v>897</v>
      </c>
      <c r="H95" s="11">
        <v>19764</v>
      </c>
      <c r="I95" s="11">
        <v>197554</v>
      </c>
      <c r="J95" s="11">
        <v>22384</v>
      </c>
      <c r="K95" s="11">
        <v>27405</v>
      </c>
      <c r="L95" s="11">
        <v>4629</v>
      </c>
      <c r="M95" s="11" t="s">
        <v>54</v>
      </c>
    </row>
    <row r="96" spans="1:13" x14ac:dyDescent="0.2">
      <c r="A96" s="23"/>
      <c r="B96" s="26"/>
      <c r="C96" s="6" t="s">
        <v>37</v>
      </c>
      <c r="D96" s="8">
        <v>26179</v>
      </c>
      <c r="E96" s="8" t="s">
        <v>48</v>
      </c>
      <c r="F96" s="8" t="s">
        <v>48</v>
      </c>
      <c r="G96" s="8" t="s">
        <v>48</v>
      </c>
      <c r="H96" s="8" t="s">
        <v>48</v>
      </c>
      <c r="I96" s="8">
        <v>9377</v>
      </c>
      <c r="J96" s="8">
        <v>7548</v>
      </c>
      <c r="K96" s="8" t="s">
        <v>48</v>
      </c>
      <c r="L96" s="8">
        <v>9254</v>
      </c>
      <c r="M96" s="8" t="s">
        <v>54</v>
      </c>
    </row>
    <row r="97" spans="1:13" x14ac:dyDescent="0.2">
      <c r="A97" s="24"/>
      <c r="B97" s="27"/>
      <c r="C97" s="12" t="s">
        <v>38</v>
      </c>
      <c r="D97" s="13">
        <v>2589470</v>
      </c>
      <c r="E97" s="13">
        <v>1016</v>
      </c>
      <c r="F97" s="13" t="s">
        <v>48</v>
      </c>
      <c r="G97" s="13">
        <v>1170704</v>
      </c>
      <c r="H97" s="13">
        <v>17</v>
      </c>
      <c r="I97" s="13">
        <v>1407306</v>
      </c>
      <c r="J97" s="13">
        <v>8183</v>
      </c>
      <c r="K97" s="13">
        <v>44</v>
      </c>
      <c r="L97" s="13">
        <v>2200</v>
      </c>
      <c r="M97" s="13" t="s">
        <v>48</v>
      </c>
    </row>
    <row r="98" spans="1:13" x14ac:dyDescent="0.2">
      <c r="A98" s="22">
        <v>2007</v>
      </c>
      <c r="B98" s="25" t="s">
        <v>21</v>
      </c>
      <c r="C98" s="5" t="s">
        <v>35</v>
      </c>
      <c r="D98" s="7">
        <v>295109</v>
      </c>
      <c r="E98" s="7">
        <v>20537</v>
      </c>
      <c r="F98" s="7" t="s">
        <v>48</v>
      </c>
      <c r="G98" s="7">
        <v>9</v>
      </c>
      <c r="H98" s="7">
        <v>139058</v>
      </c>
      <c r="I98" s="7">
        <v>473</v>
      </c>
      <c r="J98" s="7">
        <v>8448</v>
      </c>
      <c r="K98" s="7">
        <v>1153</v>
      </c>
      <c r="L98" s="7">
        <v>125431</v>
      </c>
      <c r="M98" s="7" t="s">
        <v>54</v>
      </c>
    </row>
    <row r="99" spans="1:13" x14ac:dyDescent="0.2">
      <c r="A99" s="23"/>
      <c r="B99" s="26"/>
      <c r="C99" s="9" t="s">
        <v>36</v>
      </c>
      <c r="D99" s="11">
        <v>1622080</v>
      </c>
      <c r="E99" s="11">
        <v>55007</v>
      </c>
      <c r="F99" s="11">
        <v>1366325</v>
      </c>
      <c r="G99" s="11">
        <v>1818</v>
      </c>
      <c r="H99" s="11">
        <v>16058</v>
      </c>
      <c r="I99" s="11">
        <v>130388</v>
      </c>
      <c r="J99" s="11">
        <v>22808</v>
      </c>
      <c r="K99" s="11">
        <v>25840</v>
      </c>
      <c r="L99" s="11">
        <v>3836</v>
      </c>
      <c r="M99" s="11" t="s">
        <v>54</v>
      </c>
    </row>
    <row r="100" spans="1:13" x14ac:dyDescent="0.2">
      <c r="A100" s="23"/>
      <c r="B100" s="26"/>
      <c r="C100" s="6" t="s">
        <v>37</v>
      </c>
      <c r="D100" s="8">
        <v>73169</v>
      </c>
      <c r="E100" s="8" t="s">
        <v>57</v>
      </c>
      <c r="F100" s="8" t="s">
        <v>54</v>
      </c>
      <c r="G100" s="8">
        <v>13140</v>
      </c>
      <c r="H100" s="8">
        <v>3782</v>
      </c>
      <c r="I100" s="8">
        <v>26720</v>
      </c>
      <c r="J100" s="8">
        <v>9900</v>
      </c>
      <c r="K100" s="8" t="s">
        <v>54</v>
      </c>
      <c r="L100" s="8">
        <v>19627</v>
      </c>
      <c r="M100" s="8" t="s">
        <v>54</v>
      </c>
    </row>
    <row r="101" spans="1:13" x14ac:dyDescent="0.2">
      <c r="A101" s="24"/>
      <c r="B101" s="27"/>
      <c r="C101" s="12" t="s">
        <v>38</v>
      </c>
      <c r="D101" s="13">
        <v>2208378</v>
      </c>
      <c r="E101" s="13">
        <v>653</v>
      </c>
      <c r="F101" s="13" t="s">
        <v>54</v>
      </c>
      <c r="G101" s="13">
        <v>812386</v>
      </c>
      <c r="H101" s="13">
        <v>150</v>
      </c>
      <c r="I101" s="13">
        <v>1374022</v>
      </c>
      <c r="J101" s="13">
        <v>10902</v>
      </c>
      <c r="K101" s="13" t="s">
        <v>48</v>
      </c>
      <c r="L101" s="13">
        <v>10265</v>
      </c>
      <c r="M101" s="13" t="s">
        <v>54</v>
      </c>
    </row>
    <row r="102" spans="1:13" x14ac:dyDescent="0.2">
      <c r="A102" s="22">
        <v>2008</v>
      </c>
      <c r="B102" s="25" t="s">
        <v>22</v>
      </c>
      <c r="C102" s="5" t="s">
        <v>35</v>
      </c>
      <c r="D102" s="7">
        <v>349760</v>
      </c>
      <c r="E102" s="7">
        <v>20741</v>
      </c>
      <c r="F102" s="7" t="s">
        <v>54</v>
      </c>
      <c r="G102" s="7">
        <v>37</v>
      </c>
      <c r="H102" s="7">
        <v>173148</v>
      </c>
      <c r="I102" s="7">
        <v>1036</v>
      </c>
      <c r="J102" s="7">
        <v>8108</v>
      </c>
      <c r="K102" s="7">
        <v>621</v>
      </c>
      <c r="L102" s="7">
        <v>146069</v>
      </c>
      <c r="M102" s="7" t="s">
        <v>54</v>
      </c>
    </row>
    <row r="103" spans="1:13" x14ac:dyDescent="0.2">
      <c r="A103" s="23"/>
      <c r="B103" s="26"/>
      <c r="C103" s="9" t="s">
        <v>36</v>
      </c>
      <c r="D103" s="11">
        <v>1654151</v>
      </c>
      <c r="E103" s="11">
        <v>65081</v>
      </c>
      <c r="F103" s="11">
        <v>1421836</v>
      </c>
      <c r="G103" s="11">
        <v>2071</v>
      </c>
      <c r="H103" s="11">
        <v>16066</v>
      </c>
      <c r="I103" s="11">
        <v>93109</v>
      </c>
      <c r="J103" s="11">
        <v>20166</v>
      </c>
      <c r="K103" s="11">
        <v>33567</v>
      </c>
      <c r="L103" s="11">
        <v>2255</v>
      </c>
      <c r="M103" s="11" t="s">
        <v>54</v>
      </c>
    </row>
    <row r="104" spans="1:13" x14ac:dyDescent="0.2">
      <c r="A104" s="23"/>
      <c r="B104" s="26"/>
      <c r="C104" s="6" t="s">
        <v>37</v>
      </c>
      <c r="D104" s="8">
        <v>80169</v>
      </c>
      <c r="E104" s="8" t="s">
        <v>48</v>
      </c>
      <c r="F104" s="8">
        <v>3174</v>
      </c>
      <c r="G104" s="8">
        <v>6942</v>
      </c>
      <c r="H104" s="8">
        <v>1459</v>
      </c>
      <c r="I104" s="8">
        <v>12830</v>
      </c>
      <c r="J104" s="8">
        <v>3930</v>
      </c>
      <c r="K104" s="8" t="s">
        <v>48</v>
      </c>
      <c r="L104" s="8">
        <v>51834</v>
      </c>
      <c r="M104" s="8" t="s">
        <v>54</v>
      </c>
    </row>
    <row r="105" spans="1:13" x14ac:dyDescent="0.2">
      <c r="A105" s="24"/>
      <c r="B105" s="27"/>
      <c r="C105" s="12" t="s">
        <v>38</v>
      </c>
      <c r="D105" s="13">
        <v>1944002</v>
      </c>
      <c r="E105" s="13">
        <v>668</v>
      </c>
      <c r="F105" s="13" t="s">
        <v>54</v>
      </c>
      <c r="G105" s="13">
        <v>745610</v>
      </c>
      <c r="H105" s="13">
        <v>174</v>
      </c>
      <c r="I105" s="13">
        <v>1177880</v>
      </c>
      <c r="J105" s="13">
        <v>10070</v>
      </c>
      <c r="K105" s="13" t="s">
        <v>48</v>
      </c>
      <c r="L105" s="13">
        <v>9600</v>
      </c>
      <c r="M105" s="13" t="s">
        <v>54</v>
      </c>
    </row>
    <row r="106" spans="1:13" x14ac:dyDescent="0.2">
      <c r="A106" s="22">
        <v>2009</v>
      </c>
      <c r="B106" s="25" t="s">
        <v>23</v>
      </c>
      <c r="C106" s="5" t="s">
        <v>35</v>
      </c>
      <c r="D106" s="7">
        <v>295487</v>
      </c>
      <c r="E106" s="7">
        <v>29762</v>
      </c>
      <c r="F106" s="7" t="s">
        <v>54</v>
      </c>
      <c r="G106" s="7" t="s">
        <v>54</v>
      </c>
      <c r="H106" s="7">
        <v>100134</v>
      </c>
      <c r="I106" s="7">
        <v>618</v>
      </c>
      <c r="J106" s="7">
        <v>4593</v>
      </c>
      <c r="K106" s="7">
        <v>1111</v>
      </c>
      <c r="L106" s="7">
        <v>159269</v>
      </c>
      <c r="M106" s="7" t="s">
        <v>54</v>
      </c>
    </row>
    <row r="107" spans="1:13" x14ac:dyDescent="0.2">
      <c r="A107" s="23"/>
      <c r="B107" s="26"/>
      <c r="C107" s="9" t="s">
        <v>36</v>
      </c>
      <c r="D107" s="11">
        <v>1324320</v>
      </c>
      <c r="E107" s="11">
        <v>60053</v>
      </c>
      <c r="F107" s="11">
        <v>1056471</v>
      </c>
      <c r="G107" s="11">
        <v>2363</v>
      </c>
      <c r="H107" s="11">
        <v>19147</v>
      </c>
      <c r="I107" s="11">
        <v>123540</v>
      </c>
      <c r="J107" s="11">
        <v>25918</v>
      </c>
      <c r="K107" s="11">
        <v>30813</v>
      </c>
      <c r="L107" s="11">
        <v>6015</v>
      </c>
      <c r="M107" s="11" t="s">
        <v>48</v>
      </c>
    </row>
    <row r="108" spans="1:13" x14ac:dyDescent="0.2">
      <c r="A108" s="23"/>
      <c r="B108" s="26"/>
      <c r="C108" s="6" t="s">
        <v>37</v>
      </c>
      <c r="D108" s="8">
        <v>55419</v>
      </c>
      <c r="E108" s="8" t="s">
        <v>48</v>
      </c>
      <c r="F108" s="8" t="s">
        <v>48</v>
      </c>
      <c r="G108" s="8">
        <v>8192</v>
      </c>
      <c r="H108" s="8">
        <v>54</v>
      </c>
      <c r="I108" s="8">
        <v>36211</v>
      </c>
      <c r="J108" s="8">
        <v>4112</v>
      </c>
      <c r="K108" s="8" t="s">
        <v>48</v>
      </c>
      <c r="L108" s="8">
        <v>6850</v>
      </c>
      <c r="M108" s="8" t="s">
        <v>54</v>
      </c>
    </row>
    <row r="109" spans="1:13" x14ac:dyDescent="0.2">
      <c r="A109" s="24"/>
      <c r="B109" s="27"/>
      <c r="C109" s="12" t="s">
        <v>38</v>
      </c>
      <c r="D109" s="13">
        <v>1480983</v>
      </c>
      <c r="E109" s="13">
        <v>1082</v>
      </c>
      <c r="F109" s="13" t="s">
        <v>54</v>
      </c>
      <c r="G109" s="13">
        <v>394603</v>
      </c>
      <c r="H109" s="13">
        <v>634</v>
      </c>
      <c r="I109" s="13">
        <v>1071952</v>
      </c>
      <c r="J109" s="13">
        <v>9929</v>
      </c>
      <c r="K109" s="13" t="s">
        <v>54</v>
      </c>
      <c r="L109" s="13">
        <v>2783</v>
      </c>
      <c r="M109" s="13" t="s">
        <v>54</v>
      </c>
    </row>
    <row r="110" spans="1:13" x14ac:dyDescent="0.2">
      <c r="A110" s="22">
        <v>2010</v>
      </c>
      <c r="B110" s="25" t="s">
        <v>24</v>
      </c>
      <c r="C110" s="5" t="s">
        <v>35</v>
      </c>
      <c r="D110" s="7">
        <v>224611</v>
      </c>
      <c r="E110" s="7">
        <v>9337</v>
      </c>
      <c r="F110" s="7" t="s">
        <v>54</v>
      </c>
      <c r="G110" s="7">
        <v>18</v>
      </c>
      <c r="H110" s="7">
        <v>53915</v>
      </c>
      <c r="I110" s="7">
        <v>840</v>
      </c>
      <c r="J110" s="7">
        <v>4697</v>
      </c>
      <c r="K110" s="7">
        <v>1510</v>
      </c>
      <c r="L110" s="7">
        <v>154294</v>
      </c>
      <c r="M110" s="7" t="s">
        <v>54</v>
      </c>
    </row>
    <row r="111" spans="1:13" x14ac:dyDescent="0.2">
      <c r="A111" s="23"/>
      <c r="B111" s="26"/>
      <c r="C111" s="9" t="s">
        <v>36</v>
      </c>
      <c r="D111" s="11">
        <v>1558670</v>
      </c>
      <c r="E111" s="11">
        <v>54633</v>
      </c>
      <c r="F111" s="11">
        <v>1177505</v>
      </c>
      <c r="G111" s="11">
        <v>1698</v>
      </c>
      <c r="H111" s="11">
        <v>16724</v>
      </c>
      <c r="I111" s="11">
        <v>248925</v>
      </c>
      <c r="J111" s="11">
        <v>28925</v>
      </c>
      <c r="K111" s="11">
        <v>28400</v>
      </c>
      <c r="L111" s="11">
        <v>1860</v>
      </c>
      <c r="M111" s="11" t="s">
        <v>54</v>
      </c>
    </row>
    <row r="112" spans="1:13" x14ac:dyDescent="0.2">
      <c r="A112" s="23"/>
      <c r="B112" s="26"/>
      <c r="C112" s="6" t="s">
        <v>37</v>
      </c>
      <c r="D112" s="8">
        <v>90334</v>
      </c>
      <c r="E112" s="8">
        <v>62</v>
      </c>
      <c r="F112" s="8" t="s">
        <v>54</v>
      </c>
      <c r="G112" s="8">
        <v>10557</v>
      </c>
      <c r="H112" s="8" t="s">
        <v>54</v>
      </c>
      <c r="I112" s="8">
        <v>61311</v>
      </c>
      <c r="J112" s="8">
        <v>3644</v>
      </c>
      <c r="K112" s="8" t="s">
        <v>54</v>
      </c>
      <c r="L112" s="8">
        <v>14760</v>
      </c>
      <c r="M112" s="8" t="s">
        <v>54</v>
      </c>
    </row>
    <row r="113" spans="1:13" x14ac:dyDescent="0.2">
      <c r="A113" s="24"/>
      <c r="B113" s="27"/>
      <c r="C113" s="12" t="s">
        <v>38</v>
      </c>
      <c r="D113" s="13">
        <v>1404861</v>
      </c>
      <c r="E113" s="13">
        <v>952</v>
      </c>
      <c r="F113" s="13" t="s">
        <v>48</v>
      </c>
      <c r="G113" s="13">
        <v>431357</v>
      </c>
      <c r="H113" s="13">
        <v>5310</v>
      </c>
      <c r="I113" s="13">
        <v>960797</v>
      </c>
      <c r="J113" s="13">
        <v>6445</v>
      </c>
      <c r="K113" s="13" t="s">
        <v>48</v>
      </c>
      <c r="L113" s="13" t="s">
        <v>48</v>
      </c>
      <c r="M113" s="13" t="s">
        <v>48</v>
      </c>
    </row>
    <row r="114" spans="1:13" x14ac:dyDescent="0.2">
      <c r="A114" s="22">
        <v>2011</v>
      </c>
      <c r="B114" s="25" t="s">
        <v>25</v>
      </c>
      <c r="C114" s="5" t="s">
        <v>35</v>
      </c>
      <c r="D114" s="7">
        <v>260332</v>
      </c>
      <c r="E114" s="7">
        <v>12743</v>
      </c>
      <c r="F114" s="7" t="s">
        <v>54</v>
      </c>
      <c r="G114" s="7" t="s">
        <v>54</v>
      </c>
      <c r="H114" s="7">
        <v>82961</v>
      </c>
      <c r="I114" s="7">
        <v>1477</v>
      </c>
      <c r="J114" s="7">
        <v>9226</v>
      </c>
      <c r="K114" s="7">
        <v>4315</v>
      </c>
      <c r="L114" s="7">
        <v>149600</v>
      </c>
      <c r="M114" s="7" t="s">
        <v>48</v>
      </c>
    </row>
    <row r="115" spans="1:13" x14ac:dyDescent="0.2">
      <c r="A115" s="23"/>
      <c r="B115" s="26"/>
      <c r="C115" s="9" t="s">
        <v>36</v>
      </c>
      <c r="D115" s="11">
        <v>1711576</v>
      </c>
      <c r="E115" s="11">
        <v>75535</v>
      </c>
      <c r="F115" s="11">
        <v>1206294</v>
      </c>
      <c r="G115" s="11">
        <v>2386</v>
      </c>
      <c r="H115" s="11">
        <v>18668</v>
      </c>
      <c r="I115" s="11">
        <v>334207</v>
      </c>
      <c r="J115" s="11">
        <v>34634</v>
      </c>
      <c r="K115" s="11">
        <v>38318</v>
      </c>
      <c r="L115" s="11">
        <v>1534</v>
      </c>
      <c r="M115" s="11" t="s">
        <v>54</v>
      </c>
    </row>
    <row r="116" spans="1:13" x14ac:dyDescent="0.2">
      <c r="A116" s="23"/>
      <c r="B116" s="26"/>
      <c r="C116" s="6" t="s">
        <v>37</v>
      </c>
      <c r="D116" s="8">
        <v>134120</v>
      </c>
      <c r="E116" s="8" t="s">
        <v>48</v>
      </c>
      <c r="F116" s="8" t="s">
        <v>48</v>
      </c>
      <c r="G116" s="8">
        <v>9597</v>
      </c>
      <c r="H116" s="8">
        <v>2092</v>
      </c>
      <c r="I116" s="8">
        <v>97709</v>
      </c>
      <c r="J116" s="8">
        <v>4322</v>
      </c>
      <c r="K116" s="8" t="s">
        <v>48</v>
      </c>
      <c r="L116" s="8">
        <v>20400</v>
      </c>
      <c r="M116" s="8" t="s">
        <v>48</v>
      </c>
    </row>
    <row r="117" spans="1:13" x14ac:dyDescent="0.2">
      <c r="A117" s="24"/>
      <c r="B117" s="27"/>
      <c r="C117" s="12" t="s">
        <v>38</v>
      </c>
      <c r="D117" s="13">
        <v>1572764</v>
      </c>
      <c r="E117" s="13">
        <v>969</v>
      </c>
      <c r="F117" s="13" t="s">
        <v>54</v>
      </c>
      <c r="G117" s="13">
        <v>599951</v>
      </c>
      <c r="H117" s="13">
        <v>980</v>
      </c>
      <c r="I117" s="13">
        <v>965754</v>
      </c>
      <c r="J117" s="13">
        <v>5110</v>
      </c>
      <c r="K117" s="13" t="s">
        <v>48</v>
      </c>
      <c r="L117" s="13" t="s">
        <v>48</v>
      </c>
      <c r="M117" s="13" t="s">
        <v>48</v>
      </c>
    </row>
    <row r="118" spans="1:13" x14ac:dyDescent="0.2">
      <c r="A118" s="22">
        <v>2012</v>
      </c>
      <c r="B118" s="25" t="s">
        <v>26</v>
      </c>
      <c r="C118" s="5" t="s">
        <v>35</v>
      </c>
      <c r="D118" s="7">
        <v>329292</v>
      </c>
      <c r="E118" s="7">
        <v>30311</v>
      </c>
      <c r="F118" s="7">
        <v>3</v>
      </c>
      <c r="G118" s="7">
        <v>89955</v>
      </c>
      <c r="H118" s="7">
        <v>74085</v>
      </c>
      <c r="I118" s="7">
        <v>1817</v>
      </c>
      <c r="J118" s="7">
        <v>11489</v>
      </c>
      <c r="K118" s="7">
        <v>6136</v>
      </c>
      <c r="L118" s="7">
        <v>115496</v>
      </c>
      <c r="M118" s="7">
        <v>0</v>
      </c>
    </row>
    <row r="119" spans="1:13" x14ac:dyDescent="0.2">
      <c r="A119" s="23"/>
      <c r="B119" s="26"/>
      <c r="C119" s="9" t="s">
        <v>36</v>
      </c>
      <c r="D119" s="11">
        <v>1865477</v>
      </c>
      <c r="E119" s="11">
        <v>69756</v>
      </c>
      <c r="F119" s="11">
        <v>1127528</v>
      </c>
      <c r="G119" s="11">
        <v>43079</v>
      </c>
      <c r="H119" s="11">
        <v>19502</v>
      </c>
      <c r="I119" s="11">
        <v>511849</v>
      </c>
      <c r="J119" s="11">
        <v>53694</v>
      </c>
      <c r="K119" s="11">
        <v>38302</v>
      </c>
      <c r="L119" s="11">
        <v>1767</v>
      </c>
      <c r="M119" s="11">
        <v>0</v>
      </c>
    </row>
    <row r="120" spans="1:13" x14ac:dyDescent="0.2">
      <c r="A120" s="23"/>
      <c r="B120" s="26"/>
      <c r="C120" s="6" t="s">
        <v>37</v>
      </c>
      <c r="D120" s="8">
        <v>111666</v>
      </c>
      <c r="E120" s="8">
        <v>0</v>
      </c>
      <c r="F120" s="8">
        <v>0</v>
      </c>
      <c r="G120" s="8">
        <v>18305</v>
      </c>
      <c r="H120" s="8">
        <v>12000</v>
      </c>
      <c r="I120" s="8">
        <v>61090</v>
      </c>
      <c r="J120" s="8">
        <v>2939</v>
      </c>
      <c r="K120" s="8">
        <v>0</v>
      </c>
      <c r="L120" s="8">
        <v>17332</v>
      </c>
      <c r="M120" s="8">
        <v>0</v>
      </c>
    </row>
    <row r="121" spans="1:13" x14ac:dyDescent="0.2">
      <c r="A121" s="24"/>
      <c r="B121" s="27"/>
      <c r="C121" s="12" t="s">
        <v>38</v>
      </c>
      <c r="D121" s="13">
        <v>1721575</v>
      </c>
      <c r="E121" s="13">
        <v>1028</v>
      </c>
      <c r="F121" s="13">
        <v>0</v>
      </c>
      <c r="G121" s="13">
        <v>632050</v>
      </c>
      <c r="H121" s="13">
        <v>642</v>
      </c>
      <c r="I121" s="13">
        <v>1081967</v>
      </c>
      <c r="J121" s="13">
        <v>5888</v>
      </c>
      <c r="K121" s="13">
        <v>0</v>
      </c>
      <c r="L121" s="13">
        <v>0</v>
      </c>
      <c r="M121" s="13">
        <v>0</v>
      </c>
    </row>
    <row r="122" spans="1:13" x14ac:dyDescent="0.2">
      <c r="A122" s="22">
        <v>2013</v>
      </c>
      <c r="B122" s="25" t="s">
        <v>27</v>
      </c>
      <c r="C122" s="5" t="s">
        <v>35</v>
      </c>
      <c r="D122" s="7">
        <v>250869</v>
      </c>
      <c r="E122" s="7">
        <v>28577</v>
      </c>
      <c r="F122" s="7">
        <v>0</v>
      </c>
      <c r="G122" s="7">
        <v>0</v>
      </c>
      <c r="H122" s="7">
        <v>38323</v>
      </c>
      <c r="I122" s="7">
        <v>1154</v>
      </c>
      <c r="J122" s="7">
        <v>4726</v>
      </c>
      <c r="K122" s="7">
        <v>6819</v>
      </c>
      <c r="L122" s="7">
        <v>171270</v>
      </c>
      <c r="M122" s="7">
        <v>0</v>
      </c>
    </row>
    <row r="123" spans="1:13" x14ac:dyDescent="0.2">
      <c r="A123" s="23"/>
      <c r="B123" s="26"/>
      <c r="C123" s="9" t="s">
        <v>36</v>
      </c>
      <c r="D123" s="11">
        <v>2383686</v>
      </c>
      <c r="E123" s="11">
        <v>53868</v>
      </c>
      <c r="F123" s="11">
        <v>1054804</v>
      </c>
      <c r="G123" s="11">
        <v>2998</v>
      </c>
      <c r="H123" s="11">
        <v>19105</v>
      </c>
      <c r="I123" s="11">
        <v>1167452</v>
      </c>
      <c r="J123" s="11">
        <v>40880</v>
      </c>
      <c r="K123" s="11">
        <v>43091</v>
      </c>
      <c r="L123" s="11">
        <v>1488</v>
      </c>
      <c r="M123" s="11">
        <v>0</v>
      </c>
    </row>
    <row r="124" spans="1:13" x14ac:dyDescent="0.2">
      <c r="A124" s="23"/>
      <c r="B124" s="26"/>
      <c r="C124" s="14" t="s">
        <v>37</v>
      </c>
      <c r="D124" s="15">
        <v>248649</v>
      </c>
      <c r="E124" s="15">
        <v>0</v>
      </c>
      <c r="F124" s="15">
        <v>0</v>
      </c>
      <c r="G124" s="15">
        <v>2499</v>
      </c>
      <c r="H124" s="15">
        <v>70902</v>
      </c>
      <c r="I124" s="15">
        <v>161498</v>
      </c>
      <c r="J124" s="15">
        <v>2990</v>
      </c>
      <c r="K124" s="15">
        <v>0</v>
      </c>
      <c r="L124" s="15">
        <v>10760</v>
      </c>
      <c r="M124" s="15">
        <v>0</v>
      </c>
    </row>
    <row r="125" spans="1:13" x14ac:dyDescent="0.2">
      <c r="A125" s="24"/>
      <c r="B125" s="27"/>
      <c r="C125" s="12" t="s">
        <v>38</v>
      </c>
      <c r="D125" s="13">
        <v>1846607</v>
      </c>
      <c r="E125" s="13">
        <v>1200</v>
      </c>
      <c r="F125" s="13">
        <v>0</v>
      </c>
      <c r="G125" s="13">
        <v>655936</v>
      </c>
      <c r="H125" s="13">
        <v>0</v>
      </c>
      <c r="I125" s="13">
        <v>1183133</v>
      </c>
      <c r="J125" s="13">
        <v>6338</v>
      </c>
      <c r="K125" s="13">
        <v>0</v>
      </c>
      <c r="L125" s="13">
        <v>0</v>
      </c>
      <c r="M125" s="13">
        <v>0</v>
      </c>
    </row>
    <row r="126" spans="1:13" x14ac:dyDescent="0.2">
      <c r="A126" s="22">
        <v>2014</v>
      </c>
      <c r="B126" s="25" t="s">
        <v>28</v>
      </c>
      <c r="C126" s="5" t="s">
        <v>35</v>
      </c>
      <c r="D126" s="7">
        <v>254973</v>
      </c>
      <c r="E126" s="7">
        <v>28069</v>
      </c>
      <c r="F126" s="7">
        <v>298</v>
      </c>
      <c r="G126" s="7">
        <v>0</v>
      </c>
      <c r="H126" s="7">
        <v>22098</v>
      </c>
      <c r="I126" s="7">
        <v>580</v>
      </c>
      <c r="J126" s="7">
        <v>3350</v>
      </c>
      <c r="K126" s="7">
        <v>5707</v>
      </c>
      <c r="L126" s="7">
        <v>194871</v>
      </c>
      <c r="M126" s="7">
        <v>0</v>
      </c>
    </row>
    <row r="127" spans="1:13" x14ac:dyDescent="0.2">
      <c r="A127" s="23"/>
      <c r="B127" s="26"/>
      <c r="C127" s="9" t="s">
        <v>36</v>
      </c>
      <c r="D127" s="11">
        <v>2542482</v>
      </c>
      <c r="E127" s="11">
        <v>64410</v>
      </c>
      <c r="F127" s="11">
        <v>1073664</v>
      </c>
      <c r="G127" s="11">
        <v>2733</v>
      </c>
      <c r="H127" s="11">
        <v>21616</v>
      </c>
      <c r="I127" s="11">
        <v>1290809</v>
      </c>
      <c r="J127" s="11">
        <v>38215</v>
      </c>
      <c r="K127" s="11">
        <v>48527</v>
      </c>
      <c r="L127" s="11">
        <v>2518</v>
      </c>
      <c r="M127" s="11">
        <v>0</v>
      </c>
    </row>
    <row r="128" spans="1:13" x14ac:dyDescent="0.2">
      <c r="A128" s="23"/>
      <c r="B128" s="26"/>
      <c r="C128" s="6" t="s">
        <v>37</v>
      </c>
      <c r="D128" s="8">
        <v>341898</v>
      </c>
      <c r="E128" s="8">
        <v>0</v>
      </c>
      <c r="F128" s="8">
        <v>0</v>
      </c>
      <c r="G128" s="8">
        <v>0</v>
      </c>
      <c r="H128" s="8">
        <v>43540</v>
      </c>
      <c r="I128" s="8">
        <v>286142</v>
      </c>
      <c r="J128" s="8">
        <v>2593</v>
      </c>
      <c r="K128" s="8">
        <v>0</v>
      </c>
      <c r="L128" s="8">
        <v>9623</v>
      </c>
      <c r="M128" s="8">
        <v>0</v>
      </c>
    </row>
    <row r="129" spans="1:13" x14ac:dyDescent="0.2">
      <c r="A129" s="24"/>
      <c r="B129" s="27"/>
      <c r="C129" s="12" t="s">
        <v>38</v>
      </c>
      <c r="D129" s="13">
        <v>2211182</v>
      </c>
      <c r="E129" s="13">
        <v>785</v>
      </c>
      <c r="F129" s="13">
        <v>0</v>
      </c>
      <c r="G129" s="13">
        <v>765848</v>
      </c>
      <c r="H129" s="13">
        <v>8491</v>
      </c>
      <c r="I129" s="13">
        <v>1427600</v>
      </c>
      <c r="J129" s="13">
        <v>8458</v>
      </c>
      <c r="K129" s="13">
        <v>0</v>
      </c>
      <c r="L129" s="13">
        <v>0</v>
      </c>
      <c r="M129" s="13">
        <v>0</v>
      </c>
    </row>
    <row r="130" spans="1:13" x14ac:dyDescent="0.2">
      <c r="A130" s="22">
        <v>2015</v>
      </c>
      <c r="B130" s="25" t="s">
        <v>58</v>
      </c>
      <c r="C130" s="5" t="s">
        <v>35</v>
      </c>
      <c r="D130" s="7">
        <v>291592</v>
      </c>
      <c r="E130" s="7">
        <v>21197</v>
      </c>
      <c r="F130" s="7">
        <v>328</v>
      </c>
      <c r="G130" s="7">
        <v>0</v>
      </c>
      <c r="H130" s="7">
        <v>21768</v>
      </c>
      <c r="I130" s="7">
        <v>1487</v>
      </c>
      <c r="J130" s="7">
        <v>10394</v>
      </c>
      <c r="K130" s="7">
        <v>6809</v>
      </c>
      <c r="L130" s="7">
        <v>229609</v>
      </c>
      <c r="M130" s="7">
        <v>0</v>
      </c>
    </row>
    <row r="131" spans="1:13" x14ac:dyDescent="0.2">
      <c r="A131" s="23"/>
      <c r="B131" s="26"/>
      <c r="C131" s="9" t="s">
        <v>36</v>
      </c>
      <c r="D131" s="11">
        <v>2673878</v>
      </c>
      <c r="E131" s="11">
        <v>75824</v>
      </c>
      <c r="F131" s="11">
        <v>1142687</v>
      </c>
      <c r="G131" s="11">
        <v>1637</v>
      </c>
      <c r="H131" s="11">
        <v>13593</v>
      </c>
      <c r="I131" s="11">
        <v>1346192</v>
      </c>
      <c r="J131" s="11">
        <v>39766</v>
      </c>
      <c r="K131" s="11">
        <v>51912</v>
      </c>
      <c r="L131" s="11">
        <v>2267</v>
      </c>
      <c r="M131" s="11">
        <v>0</v>
      </c>
    </row>
    <row r="132" spans="1:13" x14ac:dyDescent="0.2">
      <c r="A132" s="23"/>
      <c r="B132" s="26"/>
      <c r="C132" s="6" t="s">
        <v>37</v>
      </c>
      <c r="D132" s="8">
        <v>309079</v>
      </c>
      <c r="E132" s="8">
        <v>0</v>
      </c>
      <c r="F132" s="8">
        <v>0</v>
      </c>
      <c r="G132" s="8">
        <v>1288</v>
      </c>
      <c r="H132" s="8">
        <v>25920</v>
      </c>
      <c r="I132" s="8">
        <v>274145</v>
      </c>
      <c r="J132" s="8">
        <v>2282</v>
      </c>
      <c r="K132" s="8">
        <v>0</v>
      </c>
      <c r="L132" s="8">
        <v>5444</v>
      </c>
      <c r="M132" s="8">
        <v>0</v>
      </c>
    </row>
    <row r="133" spans="1:13" x14ac:dyDescent="0.2">
      <c r="A133" s="24"/>
      <c r="B133" s="27"/>
      <c r="C133" s="12" t="s">
        <v>38</v>
      </c>
      <c r="D133" s="13">
        <v>2350106</v>
      </c>
      <c r="E133" s="13">
        <v>1236</v>
      </c>
      <c r="F133" s="13">
        <v>0</v>
      </c>
      <c r="G133" s="13">
        <v>800373</v>
      </c>
      <c r="H133" s="13">
        <v>6456</v>
      </c>
      <c r="I133" s="13">
        <v>1533243</v>
      </c>
      <c r="J133" s="13">
        <v>8798</v>
      </c>
      <c r="K133" s="13">
        <v>0</v>
      </c>
      <c r="L133" s="13">
        <v>0</v>
      </c>
      <c r="M133" s="13">
        <v>0</v>
      </c>
    </row>
    <row r="134" spans="1:13" x14ac:dyDescent="0.2">
      <c r="A134" s="22">
        <v>2016</v>
      </c>
      <c r="B134" s="25" t="s">
        <v>59</v>
      </c>
      <c r="C134" s="5" t="s">
        <v>35</v>
      </c>
      <c r="D134" s="7">
        <v>319526</v>
      </c>
      <c r="E134" s="7">
        <v>16781</v>
      </c>
      <c r="F134" s="7">
        <v>55</v>
      </c>
      <c r="G134" s="7">
        <v>0</v>
      </c>
      <c r="H134" s="7">
        <v>26014</v>
      </c>
      <c r="I134" s="7">
        <v>1870</v>
      </c>
      <c r="J134" s="7">
        <v>21127</v>
      </c>
      <c r="K134" s="7">
        <v>7796</v>
      </c>
      <c r="L134" s="7">
        <v>245883</v>
      </c>
      <c r="M134" s="7">
        <v>0</v>
      </c>
    </row>
    <row r="135" spans="1:13" x14ac:dyDescent="0.2">
      <c r="A135" s="23"/>
      <c r="B135" s="26"/>
      <c r="C135" s="9" t="s">
        <v>36</v>
      </c>
      <c r="D135" s="11">
        <v>3025961</v>
      </c>
      <c r="E135" s="11">
        <v>45755</v>
      </c>
      <c r="F135" s="11">
        <v>1200578</v>
      </c>
      <c r="G135" s="11">
        <v>3031</v>
      </c>
      <c r="H135" s="11">
        <v>15643</v>
      </c>
      <c r="I135" s="11">
        <v>1663382</v>
      </c>
      <c r="J135" s="11">
        <v>41723</v>
      </c>
      <c r="K135" s="11">
        <v>53867</v>
      </c>
      <c r="L135" s="11">
        <v>1982</v>
      </c>
      <c r="M135" s="11">
        <v>0</v>
      </c>
    </row>
    <row r="136" spans="1:13" x14ac:dyDescent="0.2">
      <c r="A136" s="23"/>
      <c r="B136" s="26"/>
      <c r="C136" s="6" t="s">
        <v>37</v>
      </c>
      <c r="D136" s="8">
        <v>213301</v>
      </c>
      <c r="E136" s="8">
        <v>0</v>
      </c>
      <c r="F136" s="8">
        <v>0</v>
      </c>
      <c r="G136" s="8">
        <v>4180</v>
      </c>
      <c r="H136" s="8">
        <v>5013</v>
      </c>
      <c r="I136" s="8">
        <v>195478</v>
      </c>
      <c r="J136" s="8">
        <v>2547</v>
      </c>
      <c r="K136" s="8">
        <v>0</v>
      </c>
      <c r="L136" s="8">
        <v>6083</v>
      </c>
      <c r="M136" s="8">
        <v>0</v>
      </c>
    </row>
    <row r="137" spans="1:13" x14ac:dyDescent="0.2">
      <c r="A137" s="24"/>
      <c r="B137" s="27"/>
      <c r="C137" s="12" t="s">
        <v>38</v>
      </c>
      <c r="D137" s="13">
        <v>2397946</v>
      </c>
      <c r="E137" s="13">
        <v>1113</v>
      </c>
      <c r="F137" s="13">
        <v>0</v>
      </c>
      <c r="G137" s="13">
        <v>744001</v>
      </c>
      <c r="H137" s="13">
        <v>7614</v>
      </c>
      <c r="I137" s="13">
        <v>1634248</v>
      </c>
      <c r="J137" s="13">
        <v>9224</v>
      </c>
      <c r="K137" s="13">
        <v>0</v>
      </c>
      <c r="L137" s="13">
        <v>1746</v>
      </c>
      <c r="M137" s="13">
        <v>0</v>
      </c>
    </row>
    <row r="138" spans="1:13" x14ac:dyDescent="0.2">
      <c r="A138" s="22">
        <v>2017</v>
      </c>
      <c r="B138" s="25" t="s">
        <v>60</v>
      </c>
      <c r="C138" s="5" t="s">
        <v>35</v>
      </c>
      <c r="D138" s="7">
        <v>349055</v>
      </c>
      <c r="E138" s="7">
        <v>20469</v>
      </c>
      <c r="F138" s="7">
        <v>46</v>
      </c>
      <c r="G138" s="7">
        <v>0</v>
      </c>
      <c r="H138" s="7">
        <v>24630</v>
      </c>
      <c r="I138" s="7">
        <v>2057</v>
      </c>
      <c r="J138" s="7">
        <v>17361</v>
      </c>
      <c r="K138" s="7">
        <v>5571</v>
      </c>
      <c r="L138" s="7">
        <v>278921</v>
      </c>
      <c r="M138" s="7">
        <v>0</v>
      </c>
    </row>
    <row r="139" spans="1:13" x14ac:dyDescent="0.2">
      <c r="A139" s="23"/>
      <c r="B139" s="26"/>
      <c r="C139" s="9" t="s">
        <v>36</v>
      </c>
      <c r="D139" s="11">
        <v>3086566</v>
      </c>
      <c r="E139" s="11">
        <v>42711</v>
      </c>
      <c r="F139" s="11">
        <v>1244206</v>
      </c>
      <c r="G139" s="11">
        <v>2588</v>
      </c>
      <c r="H139" s="11">
        <v>16504</v>
      </c>
      <c r="I139" s="11">
        <v>1681503</v>
      </c>
      <c r="J139" s="11">
        <v>46710</v>
      </c>
      <c r="K139" s="11">
        <v>50800</v>
      </c>
      <c r="L139" s="11">
        <v>1544</v>
      </c>
      <c r="M139" s="11">
        <v>0</v>
      </c>
    </row>
    <row r="140" spans="1:13" x14ac:dyDescent="0.2">
      <c r="A140" s="23"/>
      <c r="B140" s="26"/>
      <c r="C140" s="6" t="s">
        <v>37</v>
      </c>
      <c r="D140" s="8">
        <v>308762</v>
      </c>
      <c r="E140" s="8">
        <v>0</v>
      </c>
      <c r="F140" s="8">
        <v>0</v>
      </c>
      <c r="G140" s="8">
        <v>3000</v>
      </c>
      <c r="H140" s="8">
        <v>1397</v>
      </c>
      <c r="I140" s="8">
        <v>295007</v>
      </c>
      <c r="J140" s="8">
        <v>2206</v>
      </c>
      <c r="K140" s="8">
        <v>0</v>
      </c>
      <c r="L140" s="8">
        <v>7152</v>
      </c>
      <c r="M140" s="8">
        <v>0</v>
      </c>
    </row>
    <row r="141" spans="1:13" x14ac:dyDescent="0.2">
      <c r="A141" s="24"/>
      <c r="B141" s="27"/>
      <c r="C141" s="12" t="s">
        <v>38</v>
      </c>
      <c r="D141" s="13">
        <v>2386072</v>
      </c>
      <c r="E141" s="13">
        <v>3115</v>
      </c>
      <c r="F141" s="13">
        <v>0</v>
      </c>
      <c r="G141" s="13">
        <v>870444</v>
      </c>
      <c r="H141" s="13">
        <v>6451</v>
      </c>
      <c r="I141" s="13">
        <v>1493597</v>
      </c>
      <c r="J141" s="13">
        <v>8865</v>
      </c>
      <c r="K141" s="13">
        <v>0</v>
      </c>
      <c r="L141" s="13">
        <v>3600</v>
      </c>
      <c r="M141" s="13">
        <v>0</v>
      </c>
    </row>
    <row r="142" spans="1:13" x14ac:dyDescent="0.2">
      <c r="A142" s="22">
        <v>2018</v>
      </c>
      <c r="B142" s="25" t="s">
        <v>61</v>
      </c>
      <c r="C142" s="5" t="s">
        <v>35</v>
      </c>
      <c r="D142" s="7">
        <v>375658</v>
      </c>
      <c r="E142" s="7">
        <v>25894</v>
      </c>
      <c r="F142" s="7">
        <v>149</v>
      </c>
      <c r="G142" s="7">
        <v>0</v>
      </c>
      <c r="H142" s="7">
        <v>24853</v>
      </c>
      <c r="I142" s="7">
        <v>4828</v>
      </c>
      <c r="J142" s="7">
        <v>16241</v>
      </c>
      <c r="K142" s="7">
        <v>3562</v>
      </c>
      <c r="L142" s="7">
        <v>300131</v>
      </c>
      <c r="M142" s="7">
        <v>0</v>
      </c>
    </row>
    <row r="143" spans="1:13" x14ac:dyDescent="0.2">
      <c r="A143" s="23"/>
      <c r="B143" s="26"/>
      <c r="C143" s="9" t="s">
        <v>36</v>
      </c>
      <c r="D143" s="11">
        <v>3595982</v>
      </c>
      <c r="E143" s="11">
        <v>44573</v>
      </c>
      <c r="F143" s="11">
        <v>1102508</v>
      </c>
      <c r="G143" s="11">
        <v>2319</v>
      </c>
      <c r="H143" s="11">
        <v>9784</v>
      </c>
      <c r="I143" s="11">
        <v>2335707</v>
      </c>
      <c r="J143" s="11">
        <v>46542</v>
      </c>
      <c r="K143" s="11">
        <v>53501</v>
      </c>
      <c r="L143" s="11">
        <v>1048</v>
      </c>
      <c r="M143" s="11">
        <v>0</v>
      </c>
    </row>
    <row r="144" spans="1:13" x14ac:dyDescent="0.2">
      <c r="A144" s="23"/>
      <c r="B144" s="26"/>
      <c r="C144" s="6" t="s">
        <v>37</v>
      </c>
      <c r="D144" s="8">
        <v>361744</v>
      </c>
      <c r="E144" s="8">
        <v>0</v>
      </c>
      <c r="F144" s="8">
        <v>0</v>
      </c>
      <c r="G144" s="8">
        <v>3530</v>
      </c>
      <c r="H144" s="8">
        <v>36</v>
      </c>
      <c r="I144" s="8">
        <v>319357</v>
      </c>
      <c r="J144" s="8">
        <v>3130</v>
      </c>
      <c r="K144" s="8">
        <v>0</v>
      </c>
      <c r="L144" s="8">
        <v>35691</v>
      </c>
      <c r="M144" s="8">
        <v>0</v>
      </c>
    </row>
    <row r="145" spans="1:13" x14ac:dyDescent="0.2">
      <c r="A145" s="24"/>
      <c r="B145" s="27"/>
      <c r="C145" s="12" t="s">
        <v>38</v>
      </c>
      <c r="D145" s="13">
        <v>2307643</v>
      </c>
      <c r="E145" s="13">
        <v>1066</v>
      </c>
      <c r="F145" s="13">
        <v>0</v>
      </c>
      <c r="G145" s="13">
        <v>895075</v>
      </c>
      <c r="H145" s="13">
        <v>2920</v>
      </c>
      <c r="I145" s="13">
        <v>1398872</v>
      </c>
      <c r="J145" s="13">
        <v>9710</v>
      </c>
      <c r="K145" s="13">
        <v>0</v>
      </c>
      <c r="L145" s="13">
        <v>0</v>
      </c>
      <c r="M145" s="13">
        <v>0</v>
      </c>
    </row>
    <row r="146" spans="1:13" x14ac:dyDescent="0.2">
      <c r="A146" s="22">
        <v>2019</v>
      </c>
      <c r="B146" s="25" t="s">
        <v>62</v>
      </c>
      <c r="C146" s="5" t="s">
        <v>35</v>
      </c>
      <c r="D146" s="7">
        <v>285217</v>
      </c>
      <c r="E146" s="7">
        <v>18090</v>
      </c>
      <c r="F146" s="7">
        <v>76</v>
      </c>
      <c r="G146" s="7">
        <v>8</v>
      </c>
      <c r="H146" s="7">
        <v>21770</v>
      </c>
      <c r="I146" s="7">
        <v>4488</v>
      </c>
      <c r="J146" s="7">
        <v>14959</v>
      </c>
      <c r="K146" s="7">
        <v>2500</v>
      </c>
      <c r="L146" s="7">
        <v>223326</v>
      </c>
      <c r="M146" s="7">
        <v>0</v>
      </c>
    </row>
    <row r="147" spans="1:13" x14ac:dyDescent="0.2">
      <c r="A147" s="23"/>
      <c r="B147" s="26"/>
      <c r="C147" s="9" t="s">
        <v>36</v>
      </c>
      <c r="D147" s="11">
        <v>4056246</v>
      </c>
      <c r="E147" s="11">
        <v>45512</v>
      </c>
      <c r="F147" s="11">
        <v>1093584</v>
      </c>
      <c r="G147" s="11">
        <v>1608</v>
      </c>
      <c r="H147" s="11">
        <v>13115</v>
      </c>
      <c r="I147" s="11">
        <v>2815172</v>
      </c>
      <c r="J147" s="11">
        <v>37746</v>
      </c>
      <c r="K147" s="11">
        <v>48287</v>
      </c>
      <c r="L147" s="11">
        <v>1222</v>
      </c>
      <c r="M147" s="11">
        <v>0</v>
      </c>
    </row>
    <row r="148" spans="1:13" x14ac:dyDescent="0.2">
      <c r="A148" s="23"/>
      <c r="B148" s="26"/>
      <c r="C148" s="6" t="s">
        <v>37</v>
      </c>
      <c r="D148" s="8">
        <v>349240</v>
      </c>
      <c r="E148" s="8">
        <v>0</v>
      </c>
      <c r="F148" s="8">
        <v>0</v>
      </c>
      <c r="G148" s="8">
        <v>2133</v>
      </c>
      <c r="H148" s="8">
        <v>607</v>
      </c>
      <c r="I148" s="8">
        <v>304484</v>
      </c>
      <c r="J148" s="8">
        <v>2514</v>
      </c>
      <c r="K148" s="8">
        <v>0</v>
      </c>
      <c r="L148" s="8">
        <v>39502</v>
      </c>
      <c r="M148" s="8">
        <v>0</v>
      </c>
    </row>
    <row r="149" spans="1:13" x14ac:dyDescent="0.2">
      <c r="A149" s="24"/>
      <c r="B149" s="27"/>
      <c r="C149" s="12" t="s">
        <v>38</v>
      </c>
      <c r="D149" s="13">
        <v>2112678</v>
      </c>
      <c r="E149" s="13">
        <v>1160</v>
      </c>
      <c r="F149" s="13">
        <v>0</v>
      </c>
      <c r="G149" s="13">
        <v>818799</v>
      </c>
      <c r="H149" s="13">
        <v>555</v>
      </c>
      <c r="I149" s="13">
        <v>1280371</v>
      </c>
      <c r="J149" s="13">
        <v>11312</v>
      </c>
      <c r="K149" s="13">
        <v>0</v>
      </c>
      <c r="L149" s="13">
        <v>481</v>
      </c>
      <c r="M149" s="13">
        <v>0</v>
      </c>
    </row>
    <row r="150" spans="1:13" x14ac:dyDescent="0.2">
      <c r="A150" s="22">
        <v>2020</v>
      </c>
      <c r="B150" s="25" t="s">
        <v>63</v>
      </c>
      <c r="C150" s="5" t="s">
        <v>35</v>
      </c>
      <c r="D150" s="7">
        <v>328190</v>
      </c>
      <c r="E150" s="7">
        <v>22629</v>
      </c>
      <c r="F150" s="7">
        <v>56</v>
      </c>
      <c r="G150" s="7">
        <v>0</v>
      </c>
      <c r="H150" s="7">
        <v>16344</v>
      </c>
      <c r="I150" s="7">
        <v>17938</v>
      </c>
      <c r="J150" s="7">
        <v>24695</v>
      </c>
      <c r="K150" s="7">
        <v>2201</v>
      </c>
      <c r="L150" s="7">
        <v>244327</v>
      </c>
      <c r="M150" s="7">
        <v>0</v>
      </c>
    </row>
    <row r="151" spans="1:13" x14ac:dyDescent="0.2">
      <c r="A151" s="23"/>
      <c r="B151" s="26"/>
      <c r="C151" s="9" t="s">
        <v>36</v>
      </c>
      <c r="D151" s="11">
        <v>4154662</v>
      </c>
      <c r="E151" s="11">
        <v>47750</v>
      </c>
      <c r="F151" s="11">
        <v>754705</v>
      </c>
      <c r="G151" s="11">
        <v>1592</v>
      </c>
      <c r="H151" s="11">
        <v>16244</v>
      </c>
      <c r="I151" s="11">
        <v>3236014</v>
      </c>
      <c r="J151" s="11">
        <v>39426</v>
      </c>
      <c r="K151" s="11">
        <v>56868</v>
      </c>
      <c r="L151" s="11">
        <v>2063</v>
      </c>
      <c r="M151" s="11">
        <v>0</v>
      </c>
    </row>
    <row r="152" spans="1:13" x14ac:dyDescent="0.2">
      <c r="A152" s="23"/>
      <c r="B152" s="26"/>
      <c r="C152" s="6" t="s">
        <v>37</v>
      </c>
      <c r="D152" s="8">
        <v>287098</v>
      </c>
      <c r="E152" s="8">
        <v>0</v>
      </c>
      <c r="F152" s="8">
        <v>0</v>
      </c>
      <c r="G152" s="8">
        <v>10983</v>
      </c>
      <c r="H152" s="8">
        <v>228</v>
      </c>
      <c r="I152" s="8">
        <v>258270</v>
      </c>
      <c r="J152" s="8">
        <v>1997</v>
      </c>
      <c r="K152" s="8">
        <v>0</v>
      </c>
      <c r="L152" s="8">
        <v>15620</v>
      </c>
      <c r="M152" s="8">
        <v>0</v>
      </c>
    </row>
    <row r="153" spans="1:13" x14ac:dyDescent="0.2">
      <c r="A153" s="24"/>
      <c r="B153" s="27"/>
      <c r="C153" s="12" t="s">
        <v>38</v>
      </c>
      <c r="D153" s="13">
        <v>1967216</v>
      </c>
      <c r="E153" s="13">
        <v>1682</v>
      </c>
      <c r="F153" s="13">
        <v>0</v>
      </c>
      <c r="G153" s="13">
        <v>917212</v>
      </c>
      <c r="H153" s="13">
        <v>1754</v>
      </c>
      <c r="I153" s="13">
        <v>1036365</v>
      </c>
      <c r="J153" s="13">
        <v>10203</v>
      </c>
      <c r="K153" s="13">
        <v>0</v>
      </c>
      <c r="L153" s="13">
        <v>0</v>
      </c>
      <c r="M153" s="13">
        <v>0</v>
      </c>
    </row>
  </sheetData>
  <mergeCells count="76">
    <mergeCell ref="A26:A29"/>
    <mergeCell ref="B26:B29"/>
    <mergeCell ref="A14:A17"/>
    <mergeCell ref="B14:B17"/>
    <mergeCell ref="A18:A21"/>
    <mergeCell ref="B18:B21"/>
    <mergeCell ref="A22:A25"/>
    <mergeCell ref="B22:B25"/>
    <mergeCell ref="A2:A5"/>
    <mergeCell ref="B2:B5"/>
    <mergeCell ref="A6:A9"/>
    <mergeCell ref="B6:B9"/>
    <mergeCell ref="A10:A13"/>
    <mergeCell ref="B10:B13"/>
    <mergeCell ref="A30:A33"/>
    <mergeCell ref="B30:B33"/>
    <mergeCell ref="A34:A37"/>
    <mergeCell ref="B34:B37"/>
    <mergeCell ref="A38:A41"/>
    <mergeCell ref="B38:B41"/>
    <mergeCell ref="A42:A45"/>
    <mergeCell ref="B42:B45"/>
    <mergeCell ref="A46:A49"/>
    <mergeCell ref="B46:B49"/>
    <mergeCell ref="A50:A53"/>
    <mergeCell ref="B50:B53"/>
    <mergeCell ref="A78:A81"/>
    <mergeCell ref="B78:B81"/>
    <mergeCell ref="A82:A85"/>
    <mergeCell ref="B82:B85"/>
    <mergeCell ref="A54:A57"/>
    <mergeCell ref="B54:B57"/>
    <mergeCell ref="A58:A61"/>
    <mergeCell ref="B58:B61"/>
    <mergeCell ref="A62:A65"/>
    <mergeCell ref="B62:B65"/>
    <mergeCell ref="A66:A69"/>
    <mergeCell ref="B66:B69"/>
    <mergeCell ref="A70:A73"/>
    <mergeCell ref="B70:B73"/>
    <mergeCell ref="A74:A77"/>
    <mergeCell ref="B74:B77"/>
    <mergeCell ref="A122:A125"/>
    <mergeCell ref="B122:B125"/>
    <mergeCell ref="A130:A133"/>
    <mergeCell ref="B130:B133"/>
    <mergeCell ref="A86:A89"/>
    <mergeCell ref="B86:B89"/>
    <mergeCell ref="A90:A93"/>
    <mergeCell ref="B90:B93"/>
    <mergeCell ref="A94:A97"/>
    <mergeCell ref="B94:B97"/>
    <mergeCell ref="A106:A109"/>
    <mergeCell ref="B106:B109"/>
    <mergeCell ref="A98:A101"/>
    <mergeCell ref="B98:B101"/>
    <mergeCell ref="A102:A105"/>
    <mergeCell ref="B102:B105"/>
    <mergeCell ref="A110:A113"/>
    <mergeCell ref="B110:B113"/>
    <mergeCell ref="A114:A117"/>
    <mergeCell ref="B114:B117"/>
    <mergeCell ref="A118:A121"/>
    <mergeCell ref="B118:B121"/>
    <mergeCell ref="A150:A153"/>
    <mergeCell ref="B150:B153"/>
    <mergeCell ref="A134:A137"/>
    <mergeCell ref="B134:B137"/>
    <mergeCell ref="A126:A129"/>
    <mergeCell ref="B126:B129"/>
    <mergeCell ref="A138:A141"/>
    <mergeCell ref="B138:B141"/>
    <mergeCell ref="A142:A145"/>
    <mergeCell ref="B142:B145"/>
    <mergeCell ref="A146:A149"/>
    <mergeCell ref="B146:B149"/>
  </mergeCells>
  <phoneticPr fontId="3"/>
  <pageMargins left="0.35433070866141736" right="0.35433070866141736" top="1.1811023622047245" bottom="0.98425196850393704" header="0.78740157480314965" footer="0.51181102362204722"/>
  <pageSetup paperSize="9" orientation="landscape" horizontalDpi="300" verticalDpi="300" r:id="rId1"/>
  <headerFooter alignWithMargins="0">
    <oddHeader>&amp;L&amp;14 １-１　移輸出入貨物取扱状況&amp;R資料：港湾統計（年報）、北海道港湾統計年報、北海道統計書
（単位：トン）</oddHeader>
  </headerFooter>
  <rowBreaks count="4" manualBreakCount="4">
    <brk id="33" max="12" man="1"/>
    <brk id="65" max="12" man="1"/>
    <brk id="97" max="12" man="1"/>
    <brk id="129" max="12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 １-１　移輸出入貨物取扱状況</vt:lpstr>
      <vt:lpstr>' １-１　移輸出入貨物取扱状況'!Print_Area</vt:lpstr>
      <vt:lpstr>' １-１　移輸出入貨物取扱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8-04T00:49:02Z</cp:lastPrinted>
  <dcterms:created xsi:type="dcterms:W3CDTF">1998-05-27T00:34:32Z</dcterms:created>
  <dcterms:modified xsi:type="dcterms:W3CDTF">2023-06-15T06:51:11Z</dcterms:modified>
</cp:coreProperties>
</file>